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14874546" w14:textId="77777777" w:rsidR="007D6D40" w:rsidRDefault="007D6D40" w:rsidP="00E5298C">
      <w:pPr>
        <w:jc w:val="center"/>
        <w:rPr>
          <w:sz w:val="96"/>
          <w:szCs w:val="96"/>
        </w:rPr>
      </w:pPr>
    </w:p>
    <w:p w14:paraId="34268176" w14:textId="2B19B6D1" w:rsidR="00E5298C" w:rsidRDefault="00573856" w:rsidP="00E5298C">
      <w:pPr>
        <w:jc w:val="center"/>
        <w:rPr>
          <w:sz w:val="96"/>
          <w:szCs w:val="96"/>
        </w:rPr>
      </w:pPr>
      <w:r>
        <w:rPr>
          <w:noProof/>
          <w:sz w:val="96"/>
          <w:szCs w:val="96"/>
        </w:rPr>
        <w:drawing>
          <wp:inline distT="0" distB="0" distL="0" distR="0" wp14:anchorId="5E7E103E" wp14:editId="1933C9DD">
            <wp:extent cx="5722620" cy="1127760"/>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722620" cy="1127760"/>
                    </a:xfrm>
                    <a:prstGeom prst="rect">
                      <a:avLst/>
                    </a:prstGeom>
                    <a:noFill/>
                    <a:ln>
                      <a:noFill/>
                    </a:ln>
                  </pic:spPr>
                </pic:pic>
              </a:graphicData>
            </a:graphic>
          </wp:inline>
        </w:drawing>
      </w:r>
    </w:p>
    <w:p w14:paraId="5A3E5A53" w14:textId="1732489C" w:rsidR="007D6D40" w:rsidRPr="007D6D40" w:rsidRDefault="007D6D40" w:rsidP="00E5298C">
      <w:pPr>
        <w:jc w:val="center"/>
        <w:rPr>
          <w:bCs/>
          <w:color w:val="4472C4" w:themeColor="accent1"/>
          <w:sz w:val="44"/>
          <w:szCs w:val="44"/>
          <w:u w:val="single"/>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pPr>
      <w:r w:rsidRPr="007D6D40">
        <w:rPr>
          <w:bCs/>
          <w:color w:val="4472C4" w:themeColor="accent1"/>
          <w:sz w:val="44"/>
          <w:szCs w:val="44"/>
          <w:u w:val="single"/>
          <w14:shadow w14:blurRad="38100" w14:dist="25400" w14:dir="5400000" w14:sx="100000" w14:sy="100000" w14:kx="0" w14:ky="0" w14:algn="ctr">
            <w14:srgbClr w14:val="6E747A">
              <w14:alpha w14:val="57000"/>
            </w14:srgbClr>
          </w14:shadow>
          <w14:textOutline w14:w="0" w14:cap="flat" w14:cmpd="sng" w14:algn="ctr">
            <w14:noFill/>
            <w14:prstDash w14:val="solid"/>
            <w14:round/>
          </w14:textOutline>
        </w:rPr>
        <w:t>Plutocrat</w:t>
      </w:r>
    </w:p>
    <w:p w14:paraId="098E4A85" w14:textId="24793DA3" w:rsidR="00573856" w:rsidRDefault="007D6D40" w:rsidP="00E5298C">
      <w:pPr>
        <w:jc w:val="center"/>
        <w:rPr>
          <w:sz w:val="40"/>
          <w:szCs w:val="40"/>
        </w:rPr>
      </w:pPr>
      <w:r>
        <w:rPr>
          <w:sz w:val="40"/>
          <w:szCs w:val="40"/>
        </w:rPr>
        <w:t>Connor L. Byrne</w:t>
      </w:r>
    </w:p>
    <w:p w14:paraId="5A8221CC" w14:textId="5DF3D066" w:rsidR="007D6D40" w:rsidRDefault="007D6D40" w:rsidP="00E5298C">
      <w:pPr>
        <w:jc w:val="center"/>
        <w:rPr>
          <w:sz w:val="40"/>
          <w:szCs w:val="40"/>
        </w:rPr>
      </w:pPr>
      <w:r>
        <w:rPr>
          <w:sz w:val="40"/>
          <w:szCs w:val="40"/>
        </w:rPr>
        <w:t>C16485224</w:t>
      </w:r>
    </w:p>
    <w:p w14:paraId="6D8ED402" w14:textId="567C7740" w:rsidR="007D6D40" w:rsidRPr="007D6D40" w:rsidRDefault="007D6D40" w:rsidP="00E5298C">
      <w:pPr>
        <w:jc w:val="center"/>
        <w:rPr>
          <w:sz w:val="28"/>
          <w:szCs w:val="28"/>
        </w:rPr>
      </w:pPr>
      <w:r w:rsidRPr="007D6D40">
        <w:rPr>
          <w:sz w:val="28"/>
          <w:szCs w:val="28"/>
        </w:rPr>
        <w:t>Submitted in partial fulfilment of the requirements for the degree of:</w:t>
      </w:r>
    </w:p>
    <w:p w14:paraId="7FF7B8C0" w14:textId="262E2FD0" w:rsidR="007D6D40" w:rsidRDefault="007D6D40" w:rsidP="00E5298C">
      <w:pPr>
        <w:jc w:val="center"/>
        <w:rPr>
          <w:sz w:val="40"/>
          <w:szCs w:val="40"/>
        </w:rPr>
      </w:pPr>
      <w:r>
        <w:rPr>
          <w:sz w:val="40"/>
          <w:szCs w:val="40"/>
        </w:rPr>
        <w:t>B.Sc. in Business Computing</w:t>
      </w:r>
    </w:p>
    <w:p w14:paraId="54ED085E" w14:textId="3083A276" w:rsidR="007D6D40" w:rsidRDefault="007D6D40" w:rsidP="00E5298C">
      <w:pPr>
        <w:jc w:val="center"/>
        <w:rPr>
          <w:sz w:val="40"/>
          <w:szCs w:val="40"/>
        </w:rPr>
      </w:pPr>
      <w:r>
        <w:rPr>
          <w:sz w:val="40"/>
          <w:szCs w:val="40"/>
        </w:rPr>
        <w:t>Technology University Dublin</w:t>
      </w:r>
    </w:p>
    <w:p w14:paraId="44FC6507" w14:textId="256711FF" w:rsidR="007D6D40" w:rsidRDefault="007D6D40" w:rsidP="00E5298C">
      <w:pPr>
        <w:jc w:val="center"/>
        <w:rPr>
          <w:sz w:val="40"/>
          <w:szCs w:val="40"/>
        </w:rPr>
      </w:pPr>
      <w:r>
        <w:rPr>
          <w:sz w:val="40"/>
          <w:szCs w:val="40"/>
        </w:rPr>
        <w:t>May 2020</w:t>
      </w:r>
    </w:p>
    <w:p w14:paraId="7E2A34A1" w14:textId="34321241" w:rsidR="007D6D40" w:rsidRDefault="007D6D40" w:rsidP="00E5298C">
      <w:pPr>
        <w:jc w:val="center"/>
        <w:rPr>
          <w:sz w:val="40"/>
          <w:szCs w:val="40"/>
        </w:rPr>
      </w:pPr>
    </w:p>
    <w:p w14:paraId="7FF31490" w14:textId="20426074" w:rsidR="007D6D40" w:rsidRDefault="007D6D40" w:rsidP="00E5298C">
      <w:pPr>
        <w:jc w:val="center"/>
        <w:rPr>
          <w:sz w:val="28"/>
          <w:szCs w:val="28"/>
        </w:rPr>
      </w:pPr>
      <w:r>
        <w:rPr>
          <w:sz w:val="28"/>
          <w:szCs w:val="28"/>
        </w:rPr>
        <w:t>Supervised by - Neil O’Connor</w:t>
      </w:r>
    </w:p>
    <w:p w14:paraId="2D7B014E" w14:textId="62EDEBE5" w:rsidR="007D6D40" w:rsidRDefault="007D6D40" w:rsidP="00E5298C">
      <w:pPr>
        <w:jc w:val="center"/>
        <w:rPr>
          <w:sz w:val="28"/>
          <w:szCs w:val="28"/>
        </w:rPr>
      </w:pPr>
    </w:p>
    <w:p w14:paraId="5C7F92DF" w14:textId="25325752" w:rsidR="007D6D40" w:rsidRDefault="007D6D40" w:rsidP="00E5298C">
      <w:pPr>
        <w:jc w:val="center"/>
        <w:rPr>
          <w:sz w:val="28"/>
          <w:szCs w:val="28"/>
        </w:rPr>
      </w:pPr>
    </w:p>
    <w:p w14:paraId="174CA442" w14:textId="724625AE" w:rsidR="007D6D40" w:rsidRDefault="007D6D40" w:rsidP="00E5298C">
      <w:pPr>
        <w:jc w:val="center"/>
        <w:rPr>
          <w:sz w:val="28"/>
          <w:szCs w:val="28"/>
        </w:rPr>
      </w:pPr>
    </w:p>
    <w:p w14:paraId="08207CC6" w14:textId="615F7572" w:rsidR="007D6D40" w:rsidRDefault="007D6D40" w:rsidP="00E5298C">
      <w:pPr>
        <w:jc w:val="center"/>
        <w:rPr>
          <w:sz w:val="28"/>
          <w:szCs w:val="28"/>
        </w:rPr>
      </w:pPr>
    </w:p>
    <w:p w14:paraId="26297520" w14:textId="1F7F16E2" w:rsidR="007D6D40" w:rsidRDefault="007D6D40" w:rsidP="00E5298C">
      <w:pPr>
        <w:jc w:val="center"/>
        <w:rPr>
          <w:sz w:val="28"/>
          <w:szCs w:val="28"/>
        </w:rPr>
      </w:pPr>
    </w:p>
    <w:p w14:paraId="699D8FCD" w14:textId="5CA2920C" w:rsidR="007D6D40" w:rsidRDefault="007D6D40" w:rsidP="00E5298C">
      <w:pPr>
        <w:jc w:val="center"/>
        <w:rPr>
          <w:sz w:val="28"/>
          <w:szCs w:val="28"/>
        </w:rPr>
      </w:pPr>
    </w:p>
    <w:p w14:paraId="63C9C9BF" w14:textId="4F4D9A19" w:rsidR="007D6D40" w:rsidRDefault="007D6D40" w:rsidP="00E5298C">
      <w:pPr>
        <w:jc w:val="center"/>
        <w:rPr>
          <w:sz w:val="28"/>
          <w:szCs w:val="28"/>
        </w:rPr>
      </w:pPr>
    </w:p>
    <w:p w14:paraId="6F1D98A1" w14:textId="5D7559BD" w:rsidR="007D6D40" w:rsidRDefault="007D6D40" w:rsidP="00E5298C">
      <w:pPr>
        <w:jc w:val="center"/>
        <w:rPr>
          <w:sz w:val="28"/>
          <w:szCs w:val="28"/>
        </w:rPr>
      </w:pPr>
    </w:p>
    <w:p w14:paraId="59180BC9" w14:textId="2B11BCB1" w:rsidR="007D6D40" w:rsidRDefault="007D6D40" w:rsidP="007D6D40">
      <w:pPr>
        <w:pStyle w:val="Heading1"/>
      </w:pPr>
      <w:r>
        <w:lastRenderedPageBreak/>
        <w:t>Acknowledgments</w:t>
      </w:r>
    </w:p>
    <w:p w14:paraId="62809429" w14:textId="29F8C91B" w:rsidR="007D6D40" w:rsidRPr="000D7898" w:rsidRDefault="007D6D40" w:rsidP="007D6D40">
      <w:pPr>
        <w:rPr>
          <w:sz w:val="24"/>
          <w:szCs w:val="24"/>
        </w:rPr>
      </w:pPr>
      <w:r w:rsidRPr="000D7898">
        <w:rPr>
          <w:sz w:val="24"/>
          <w:szCs w:val="24"/>
        </w:rPr>
        <w:t>I would like to extend my gratitude towards all my lecturer and ment</w:t>
      </w:r>
      <w:r w:rsidR="002211CD" w:rsidRPr="000D7898">
        <w:rPr>
          <w:sz w:val="24"/>
          <w:szCs w:val="24"/>
        </w:rPr>
        <w:t>ors that I have had throughout my course, contributing knowledge that made this project possible.</w:t>
      </w:r>
    </w:p>
    <w:p w14:paraId="4847E51A" w14:textId="5B6B9136" w:rsidR="002211CD" w:rsidRPr="000D7898" w:rsidRDefault="002211CD" w:rsidP="007D6D40">
      <w:pPr>
        <w:rPr>
          <w:sz w:val="24"/>
          <w:szCs w:val="24"/>
        </w:rPr>
      </w:pPr>
      <w:r w:rsidRPr="000D7898">
        <w:rPr>
          <w:sz w:val="24"/>
          <w:szCs w:val="24"/>
        </w:rPr>
        <w:t>I would like to give special thanks to my project supervisor Neil for overseeing my development process and steering the project in valuable new directions throughout the process.</w:t>
      </w:r>
    </w:p>
    <w:p w14:paraId="48AEA74C" w14:textId="3F13754C" w:rsidR="002211CD" w:rsidRPr="000D7898" w:rsidRDefault="002211CD" w:rsidP="007D6D40">
      <w:pPr>
        <w:rPr>
          <w:sz w:val="24"/>
          <w:szCs w:val="24"/>
        </w:rPr>
      </w:pPr>
      <w:r w:rsidRPr="000D7898">
        <w:rPr>
          <w:sz w:val="24"/>
          <w:szCs w:val="24"/>
        </w:rPr>
        <w:t xml:space="preserve">I would also like to thank Jenny </w:t>
      </w:r>
      <w:r w:rsidR="00BF345B" w:rsidRPr="000D7898">
        <w:rPr>
          <w:sz w:val="24"/>
          <w:szCs w:val="24"/>
        </w:rPr>
        <w:t>Mu</w:t>
      </w:r>
      <w:r w:rsidR="00E555CF">
        <w:rPr>
          <w:sz w:val="24"/>
          <w:szCs w:val="24"/>
        </w:rPr>
        <w:t>n</w:t>
      </w:r>
      <w:r w:rsidR="00F71E03">
        <w:rPr>
          <w:sz w:val="24"/>
          <w:szCs w:val="24"/>
        </w:rPr>
        <w:t>n</w:t>
      </w:r>
      <w:r w:rsidR="00E555CF">
        <w:rPr>
          <w:sz w:val="24"/>
          <w:szCs w:val="24"/>
        </w:rPr>
        <w:t>ell</w:t>
      </w:r>
      <w:r w:rsidR="00F71E03">
        <w:rPr>
          <w:sz w:val="24"/>
          <w:szCs w:val="24"/>
        </w:rPr>
        <w:t>y</w:t>
      </w:r>
      <w:r w:rsidRPr="000D7898">
        <w:rPr>
          <w:sz w:val="24"/>
          <w:szCs w:val="24"/>
        </w:rPr>
        <w:t xml:space="preserve">, for being the projects second </w:t>
      </w:r>
      <w:r w:rsidR="000D7898" w:rsidRPr="000D7898">
        <w:rPr>
          <w:sz w:val="24"/>
          <w:szCs w:val="24"/>
        </w:rPr>
        <w:t xml:space="preserve">reader, offering valuable advice and sanity checks, and also for teaching the courses distributed systems module which ended up being very applicable to </w:t>
      </w:r>
      <w:r w:rsidR="000D7898">
        <w:rPr>
          <w:sz w:val="24"/>
          <w:szCs w:val="24"/>
        </w:rPr>
        <w:t>P</w:t>
      </w:r>
      <w:r w:rsidR="000D7898" w:rsidRPr="000D7898">
        <w:rPr>
          <w:sz w:val="24"/>
          <w:szCs w:val="24"/>
        </w:rPr>
        <w:t>lutocrat</w:t>
      </w:r>
      <w:r w:rsidR="000D7898">
        <w:rPr>
          <w:sz w:val="24"/>
          <w:szCs w:val="24"/>
        </w:rPr>
        <w:t>’s</w:t>
      </w:r>
      <w:r w:rsidR="000D7898" w:rsidRPr="000D7898">
        <w:rPr>
          <w:sz w:val="24"/>
          <w:szCs w:val="24"/>
        </w:rPr>
        <w:t xml:space="preserve"> early stages of development.</w:t>
      </w:r>
    </w:p>
    <w:p w14:paraId="0E450BB6" w14:textId="372ACF4C" w:rsidR="007D6D40" w:rsidRDefault="007D6D40" w:rsidP="007D6D40"/>
    <w:p w14:paraId="005F727A" w14:textId="68B759F5" w:rsidR="00941EAE" w:rsidRDefault="00941EAE" w:rsidP="007D6D40"/>
    <w:p w14:paraId="5D02E937" w14:textId="53B9C9B5" w:rsidR="00941EAE" w:rsidRDefault="00941EAE" w:rsidP="007D6D40"/>
    <w:p w14:paraId="197BFFB8" w14:textId="450DFCF3" w:rsidR="00941EAE" w:rsidRDefault="00941EAE" w:rsidP="007D6D40"/>
    <w:p w14:paraId="44ADDE94" w14:textId="5D40A79C" w:rsidR="00941EAE" w:rsidRDefault="00941EAE" w:rsidP="007D6D40"/>
    <w:p w14:paraId="146AEF54" w14:textId="656C3351" w:rsidR="00941EAE" w:rsidRDefault="00941EAE" w:rsidP="007D6D40"/>
    <w:p w14:paraId="02F9A769" w14:textId="3E9819B9" w:rsidR="00941EAE" w:rsidRDefault="00941EAE" w:rsidP="007D6D40"/>
    <w:p w14:paraId="6C1F98FC" w14:textId="133CF708" w:rsidR="00941EAE" w:rsidRDefault="00941EAE" w:rsidP="007D6D40"/>
    <w:p w14:paraId="24DDAE92" w14:textId="677EE783" w:rsidR="00941EAE" w:rsidRDefault="00941EAE" w:rsidP="007D6D40"/>
    <w:p w14:paraId="0A846994" w14:textId="14D31634" w:rsidR="00941EAE" w:rsidRDefault="00941EAE" w:rsidP="007D6D40"/>
    <w:p w14:paraId="01078EA7" w14:textId="19F85444" w:rsidR="00941EAE" w:rsidRDefault="00941EAE" w:rsidP="007D6D40"/>
    <w:p w14:paraId="66C58600" w14:textId="42B2966A" w:rsidR="00941EAE" w:rsidRDefault="00941EAE" w:rsidP="007D6D40"/>
    <w:p w14:paraId="58412B96" w14:textId="5731F37B" w:rsidR="00941EAE" w:rsidRDefault="00941EAE" w:rsidP="007D6D40"/>
    <w:p w14:paraId="3256954B" w14:textId="3EAA2F65" w:rsidR="00941EAE" w:rsidRDefault="00941EAE" w:rsidP="007D6D40"/>
    <w:p w14:paraId="21E904AB" w14:textId="0364D8D6" w:rsidR="00941EAE" w:rsidRDefault="00941EAE" w:rsidP="007D6D40"/>
    <w:p w14:paraId="4EDF2C82" w14:textId="62BB5BDA" w:rsidR="00941EAE" w:rsidRDefault="00941EAE" w:rsidP="007D6D40"/>
    <w:p w14:paraId="48BFB839" w14:textId="7E0B5079" w:rsidR="00941EAE" w:rsidRDefault="00941EAE" w:rsidP="007D6D40"/>
    <w:p w14:paraId="131B3622" w14:textId="15F879B7" w:rsidR="00941EAE" w:rsidRDefault="00941EAE" w:rsidP="007D6D40"/>
    <w:p w14:paraId="78622044" w14:textId="677CD925" w:rsidR="00941EAE" w:rsidRDefault="00941EAE" w:rsidP="007D6D40"/>
    <w:p w14:paraId="3BA357CE" w14:textId="046C3AE1" w:rsidR="00941EAE" w:rsidRDefault="00941EAE" w:rsidP="007D6D40"/>
    <w:p w14:paraId="471B7054" w14:textId="52E2C950" w:rsidR="00941EAE" w:rsidRDefault="00941EAE" w:rsidP="007D6D40"/>
    <w:p w14:paraId="6151D47B" w14:textId="1B516B65" w:rsidR="00983375" w:rsidRDefault="00983375" w:rsidP="007D6D40"/>
    <w:p w14:paraId="6979E283" w14:textId="0CD21E55" w:rsidR="00983375" w:rsidRDefault="00983375" w:rsidP="007D6D40"/>
    <w:p w14:paraId="73E2536E" w14:textId="1E6447EE" w:rsidR="00983375" w:rsidRPr="00AD19EB" w:rsidRDefault="00983375" w:rsidP="007D6D40">
      <w:pPr>
        <w:rPr>
          <w:b/>
          <w:bCs/>
          <w:sz w:val="36"/>
          <w:szCs w:val="36"/>
        </w:rPr>
      </w:pPr>
      <w:r w:rsidRPr="00AD19EB">
        <w:rPr>
          <w:b/>
          <w:bCs/>
          <w:sz w:val="36"/>
          <w:szCs w:val="36"/>
        </w:rPr>
        <w:lastRenderedPageBreak/>
        <w:t>Declaration</w:t>
      </w:r>
    </w:p>
    <w:p w14:paraId="08282AF7" w14:textId="28F5D111" w:rsidR="00983375" w:rsidRPr="00AD19EB" w:rsidRDefault="00983375" w:rsidP="007D6D40">
      <w:pPr>
        <w:rPr>
          <w:sz w:val="36"/>
          <w:szCs w:val="36"/>
        </w:rPr>
      </w:pPr>
      <w:r w:rsidRPr="00AD19EB">
        <w:rPr>
          <w:sz w:val="36"/>
          <w:szCs w:val="36"/>
        </w:rPr>
        <w:t xml:space="preserve">This is an </w:t>
      </w:r>
      <w:r w:rsidR="001F67A4" w:rsidRPr="00AD19EB">
        <w:rPr>
          <w:sz w:val="36"/>
          <w:szCs w:val="36"/>
        </w:rPr>
        <w:t>original</w:t>
      </w:r>
      <w:r w:rsidR="00FF1D50" w:rsidRPr="00AD19EB">
        <w:rPr>
          <w:sz w:val="36"/>
          <w:szCs w:val="36"/>
        </w:rPr>
        <w:t xml:space="preserve"> work. All assistance is acknowledged</w:t>
      </w:r>
    </w:p>
    <w:p w14:paraId="11F64B7D" w14:textId="30BAB2C2" w:rsidR="00FF1D50" w:rsidRPr="00AD19EB" w:rsidRDefault="00FF1D50" w:rsidP="007D6D40">
      <w:pPr>
        <w:rPr>
          <w:sz w:val="36"/>
          <w:szCs w:val="36"/>
        </w:rPr>
      </w:pPr>
    </w:p>
    <w:p w14:paraId="056886BC" w14:textId="64586F07" w:rsidR="00FF1D50" w:rsidRPr="00AD19EB" w:rsidRDefault="00FF1D50" w:rsidP="007D6D40">
      <w:pPr>
        <w:rPr>
          <w:sz w:val="36"/>
          <w:szCs w:val="36"/>
        </w:rPr>
      </w:pPr>
      <w:r w:rsidRPr="00AD19EB">
        <w:rPr>
          <w:sz w:val="36"/>
          <w:szCs w:val="36"/>
        </w:rPr>
        <w:t>Signed: Connor Luke Byrne</w:t>
      </w:r>
    </w:p>
    <w:p w14:paraId="31E74C82" w14:textId="0F966B30" w:rsidR="00AD19EB" w:rsidRDefault="00FF1D50" w:rsidP="007D6D40">
      <w:pPr>
        <w:rPr>
          <w:sz w:val="36"/>
          <w:szCs w:val="36"/>
        </w:rPr>
      </w:pPr>
      <w:r w:rsidRPr="00AD19EB">
        <w:rPr>
          <w:sz w:val="36"/>
          <w:szCs w:val="36"/>
        </w:rPr>
        <w:t>Date: 23/04</w:t>
      </w:r>
      <w:r w:rsidR="00AD19EB" w:rsidRPr="00AD19EB">
        <w:rPr>
          <w:sz w:val="36"/>
          <w:szCs w:val="36"/>
        </w:rPr>
        <w:t>/2020</w:t>
      </w:r>
    </w:p>
    <w:p w14:paraId="189AB801" w14:textId="0291AE3F" w:rsidR="00DF3247" w:rsidRDefault="00DF3247" w:rsidP="007D6D40">
      <w:pPr>
        <w:rPr>
          <w:sz w:val="36"/>
          <w:szCs w:val="36"/>
        </w:rPr>
      </w:pPr>
    </w:p>
    <w:p w14:paraId="29D65CFD" w14:textId="1FBA0EEF" w:rsidR="00DF3247" w:rsidRDefault="00DF3247" w:rsidP="007D6D40">
      <w:pPr>
        <w:rPr>
          <w:sz w:val="36"/>
          <w:szCs w:val="36"/>
        </w:rPr>
      </w:pPr>
    </w:p>
    <w:p w14:paraId="3FDBBA12" w14:textId="6B7E16CF" w:rsidR="00DF3247" w:rsidRDefault="00DF3247" w:rsidP="007D6D40">
      <w:pPr>
        <w:rPr>
          <w:sz w:val="36"/>
          <w:szCs w:val="36"/>
        </w:rPr>
      </w:pPr>
    </w:p>
    <w:p w14:paraId="5F3DEDF8" w14:textId="65DF3D26" w:rsidR="00DF3247" w:rsidRDefault="00DF3247" w:rsidP="007D6D40">
      <w:pPr>
        <w:rPr>
          <w:sz w:val="36"/>
          <w:szCs w:val="36"/>
        </w:rPr>
      </w:pPr>
    </w:p>
    <w:p w14:paraId="4039D6E3" w14:textId="05F59484" w:rsidR="00DF3247" w:rsidRDefault="00DF3247" w:rsidP="007D6D40">
      <w:pPr>
        <w:rPr>
          <w:sz w:val="36"/>
          <w:szCs w:val="36"/>
        </w:rPr>
      </w:pPr>
    </w:p>
    <w:p w14:paraId="394F3B75" w14:textId="2FA8D77D" w:rsidR="00DF3247" w:rsidRDefault="00DF3247" w:rsidP="007D6D40">
      <w:pPr>
        <w:rPr>
          <w:sz w:val="36"/>
          <w:szCs w:val="36"/>
        </w:rPr>
      </w:pPr>
    </w:p>
    <w:p w14:paraId="7B5FA408" w14:textId="1F24CE01" w:rsidR="00DF3247" w:rsidRDefault="00DF3247" w:rsidP="007D6D40">
      <w:pPr>
        <w:rPr>
          <w:sz w:val="36"/>
          <w:szCs w:val="36"/>
        </w:rPr>
      </w:pPr>
    </w:p>
    <w:p w14:paraId="61FFC305" w14:textId="2BE97BAC" w:rsidR="00DF3247" w:rsidRDefault="00DF3247" w:rsidP="007D6D40">
      <w:pPr>
        <w:rPr>
          <w:sz w:val="36"/>
          <w:szCs w:val="36"/>
        </w:rPr>
      </w:pPr>
    </w:p>
    <w:p w14:paraId="373A3BB1" w14:textId="3559DF5C" w:rsidR="00DF3247" w:rsidRDefault="00DF3247" w:rsidP="007D6D40">
      <w:pPr>
        <w:rPr>
          <w:sz w:val="36"/>
          <w:szCs w:val="36"/>
        </w:rPr>
      </w:pPr>
    </w:p>
    <w:p w14:paraId="53DA8EE2" w14:textId="02A8525E" w:rsidR="0097401C" w:rsidRDefault="0097401C" w:rsidP="007D6D40">
      <w:pPr>
        <w:rPr>
          <w:sz w:val="36"/>
          <w:szCs w:val="36"/>
        </w:rPr>
      </w:pPr>
    </w:p>
    <w:p w14:paraId="0E6C8099" w14:textId="738E13A5" w:rsidR="0097401C" w:rsidRDefault="0097401C" w:rsidP="007D6D40">
      <w:pPr>
        <w:rPr>
          <w:sz w:val="36"/>
          <w:szCs w:val="36"/>
        </w:rPr>
      </w:pPr>
    </w:p>
    <w:p w14:paraId="2C949C46" w14:textId="5C3C02AB" w:rsidR="0097401C" w:rsidRDefault="0097401C" w:rsidP="007D6D40">
      <w:pPr>
        <w:rPr>
          <w:sz w:val="36"/>
          <w:szCs w:val="36"/>
        </w:rPr>
      </w:pPr>
    </w:p>
    <w:p w14:paraId="053F40C7" w14:textId="66A4BFEC" w:rsidR="0097401C" w:rsidRDefault="0097401C" w:rsidP="007D6D40">
      <w:pPr>
        <w:rPr>
          <w:sz w:val="36"/>
          <w:szCs w:val="36"/>
        </w:rPr>
      </w:pPr>
    </w:p>
    <w:p w14:paraId="5963B253" w14:textId="60BD0214" w:rsidR="0097401C" w:rsidRDefault="0097401C" w:rsidP="007D6D40">
      <w:pPr>
        <w:rPr>
          <w:sz w:val="36"/>
          <w:szCs w:val="36"/>
        </w:rPr>
      </w:pPr>
    </w:p>
    <w:p w14:paraId="4E0590A2" w14:textId="468A68C0" w:rsidR="0097401C" w:rsidRDefault="0097401C" w:rsidP="007D6D40">
      <w:pPr>
        <w:rPr>
          <w:sz w:val="36"/>
          <w:szCs w:val="36"/>
        </w:rPr>
      </w:pPr>
    </w:p>
    <w:p w14:paraId="46E155AE" w14:textId="4DA0DC70" w:rsidR="0097401C" w:rsidRDefault="0097401C" w:rsidP="007D6D40">
      <w:pPr>
        <w:rPr>
          <w:sz w:val="36"/>
          <w:szCs w:val="36"/>
        </w:rPr>
      </w:pPr>
    </w:p>
    <w:p w14:paraId="2F358191" w14:textId="32B85917" w:rsidR="0097401C" w:rsidRDefault="0097401C" w:rsidP="007D6D40">
      <w:pPr>
        <w:rPr>
          <w:sz w:val="36"/>
          <w:szCs w:val="36"/>
        </w:rPr>
      </w:pPr>
    </w:p>
    <w:p w14:paraId="653E90C9" w14:textId="0E0E8600" w:rsidR="0097401C" w:rsidRDefault="0097401C" w:rsidP="0097401C">
      <w:pPr>
        <w:pStyle w:val="Heading1"/>
      </w:pPr>
      <w:r>
        <w:lastRenderedPageBreak/>
        <w:t>Introduction</w:t>
      </w:r>
    </w:p>
    <w:p w14:paraId="5E37758E" w14:textId="1DF3FDFD" w:rsidR="0097401C" w:rsidRPr="00F81FA6" w:rsidRDefault="00DA2064" w:rsidP="0097401C">
      <w:pPr>
        <w:rPr>
          <w:sz w:val="24"/>
          <w:szCs w:val="24"/>
        </w:rPr>
      </w:pPr>
      <w:r w:rsidRPr="00F81FA6">
        <w:rPr>
          <w:sz w:val="24"/>
          <w:szCs w:val="24"/>
        </w:rPr>
        <w:t>Plutocrat</w:t>
      </w:r>
      <w:r w:rsidR="00D474F3" w:rsidRPr="00F81FA6">
        <w:rPr>
          <w:sz w:val="24"/>
          <w:szCs w:val="24"/>
        </w:rPr>
        <w:t xml:space="preserve"> </w:t>
      </w:r>
      <w:r w:rsidR="00327D82" w:rsidRPr="00F81FA6">
        <w:rPr>
          <w:sz w:val="24"/>
          <w:szCs w:val="24"/>
        </w:rPr>
        <w:t xml:space="preserve">is a </w:t>
      </w:r>
      <w:r w:rsidR="00F8437D" w:rsidRPr="00F81FA6">
        <w:rPr>
          <w:sz w:val="24"/>
          <w:szCs w:val="24"/>
        </w:rPr>
        <w:t>web-based</w:t>
      </w:r>
      <w:r w:rsidR="00327D82" w:rsidRPr="00F81FA6">
        <w:rPr>
          <w:sz w:val="24"/>
          <w:szCs w:val="24"/>
        </w:rPr>
        <w:t xml:space="preserve"> machine learning</w:t>
      </w:r>
      <w:r w:rsidR="008620F0" w:rsidRPr="00F81FA6">
        <w:rPr>
          <w:sz w:val="24"/>
          <w:szCs w:val="24"/>
        </w:rPr>
        <w:t xml:space="preserve"> system</w:t>
      </w:r>
      <w:r w:rsidR="00EC3B89" w:rsidRPr="00F81FA6">
        <w:rPr>
          <w:sz w:val="24"/>
          <w:szCs w:val="24"/>
        </w:rPr>
        <w:t xml:space="preserve"> application which utilised </w:t>
      </w:r>
      <w:r w:rsidR="00DD6AF3" w:rsidRPr="00F81FA6">
        <w:rPr>
          <w:sz w:val="24"/>
          <w:szCs w:val="24"/>
        </w:rPr>
        <w:t>web scraping</w:t>
      </w:r>
      <w:r w:rsidR="00EC3B89" w:rsidRPr="00F81FA6">
        <w:rPr>
          <w:sz w:val="24"/>
          <w:szCs w:val="24"/>
        </w:rPr>
        <w:t xml:space="preserve"> to gather sentiment</w:t>
      </w:r>
      <w:r w:rsidR="00BF463E" w:rsidRPr="00F81FA6">
        <w:rPr>
          <w:sz w:val="24"/>
          <w:szCs w:val="24"/>
        </w:rPr>
        <w:t xml:space="preserve"> data </w:t>
      </w:r>
      <w:r w:rsidR="00DD6AF3" w:rsidRPr="00F81FA6">
        <w:rPr>
          <w:sz w:val="24"/>
          <w:szCs w:val="24"/>
        </w:rPr>
        <w:t>concerning</w:t>
      </w:r>
      <w:r w:rsidR="00BF463E" w:rsidRPr="00F81FA6">
        <w:rPr>
          <w:sz w:val="24"/>
          <w:szCs w:val="24"/>
        </w:rPr>
        <w:t xml:space="preserve"> </w:t>
      </w:r>
      <w:r w:rsidR="00FE7B98" w:rsidRPr="00F81FA6">
        <w:rPr>
          <w:sz w:val="24"/>
          <w:szCs w:val="24"/>
        </w:rPr>
        <w:t xml:space="preserve">companies </w:t>
      </w:r>
      <w:r w:rsidR="00DD6AF3" w:rsidRPr="00F81FA6">
        <w:rPr>
          <w:sz w:val="24"/>
          <w:szCs w:val="24"/>
        </w:rPr>
        <w:t>on the Nasdaq 100 listing.</w:t>
      </w:r>
      <w:r w:rsidR="00525A9F" w:rsidRPr="00F81FA6">
        <w:rPr>
          <w:sz w:val="24"/>
          <w:szCs w:val="24"/>
        </w:rPr>
        <w:t xml:space="preserve"> It </w:t>
      </w:r>
      <w:r w:rsidR="004864FE" w:rsidRPr="00F81FA6">
        <w:rPr>
          <w:sz w:val="24"/>
          <w:szCs w:val="24"/>
        </w:rPr>
        <w:t>analyses</w:t>
      </w:r>
      <w:r w:rsidR="00525A9F" w:rsidRPr="00F81FA6">
        <w:rPr>
          <w:sz w:val="24"/>
          <w:szCs w:val="24"/>
        </w:rPr>
        <w:t xml:space="preserve"> this data using</w:t>
      </w:r>
      <w:r w:rsidR="00E17E92" w:rsidRPr="00F81FA6">
        <w:rPr>
          <w:sz w:val="24"/>
          <w:szCs w:val="24"/>
        </w:rPr>
        <w:t xml:space="preserve"> Stanford Natural Language Processing, before passing </w:t>
      </w:r>
      <w:r w:rsidR="00F8437D" w:rsidRPr="00F81FA6">
        <w:rPr>
          <w:sz w:val="24"/>
          <w:szCs w:val="24"/>
        </w:rPr>
        <w:t>its</w:t>
      </w:r>
      <w:r w:rsidR="00E17E92" w:rsidRPr="00F81FA6">
        <w:rPr>
          <w:sz w:val="24"/>
          <w:szCs w:val="24"/>
        </w:rPr>
        <w:t xml:space="preserve"> findings to a</w:t>
      </w:r>
      <w:r w:rsidR="00631426" w:rsidRPr="00F81FA6">
        <w:rPr>
          <w:sz w:val="24"/>
          <w:szCs w:val="24"/>
        </w:rPr>
        <w:t xml:space="preserve"> TensorFlow</w:t>
      </w:r>
      <w:r w:rsidR="00081965" w:rsidRPr="00F81FA6">
        <w:rPr>
          <w:sz w:val="24"/>
          <w:szCs w:val="24"/>
        </w:rPr>
        <w:t xml:space="preserve"> based</w:t>
      </w:r>
      <w:r w:rsidR="00845229" w:rsidRPr="00F81FA6">
        <w:rPr>
          <w:sz w:val="24"/>
          <w:szCs w:val="24"/>
        </w:rPr>
        <w:t xml:space="preserve"> neural network</w:t>
      </w:r>
      <w:r w:rsidR="00A34076" w:rsidRPr="00F81FA6">
        <w:rPr>
          <w:sz w:val="24"/>
          <w:szCs w:val="24"/>
        </w:rPr>
        <w:t xml:space="preserve"> which finds </w:t>
      </w:r>
      <w:r w:rsidR="005610E4" w:rsidRPr="00F81FA6">
        <w:rPr>
          <w:sz w:val="24"/>
          <w:szCs w:val="24"/>
        </w:rPr>
        <w:t xml:space="preserve">the </w:t>
      </w:r>
      <w:r w:rsidR="00F8437D" w:rsidRPr="00F81FA6">
        <w:rPr>
          <w:sz w:val="24"/>
          <w:szCs w:val="24"/>
        </w:rPr>
        <w:t>correlation</w:t>
      </w:r>
      <w:r w:rsidR="005610E4" w:rsidRPr="00F81FA6">
        <w:rPr>
          <w:sz w:val="24"/>
          <w:szCs w:val="24"/>
        </w:rPr>
        <w:t xml:space="preserve"> between what online users are saying about a company, </w:t>
      </w:r>
      <w:r w:rsidR="00F8437D" w:rsidRPr="00F81FA6">
        <w:rPr>
          <w:sz w:val="24"/>
          <w:szCs w:val="24"/>
        </w:rPr>
        <w:t>to</w:t>
      </w:r>
      <w:r w:rsidR="005610E4" w:rsidRPr="00F81FA6">
        <w:rPr>
          <w:sz w:val="24"/>
          <w:szCs w:val="24"/>
        </w:rPr>
        <w:t xml:space="preserve"> its stocks, and </w:t>
      </w:r>
      <w:r w:rsidR="00F8437D" w:rsidRPr="00F81FA6">
        <w:rPr>
          <w:sz w:val="24"/>
          <w:szCs w:val="24"/>
        </w:rPr>
        <w:t>the</w:t>
      </w:r>
      <w:r w:rsidR="005610E4" w:rsidRPr="00F81FA6">
        <w:rPr>
          <w:sz w:val="24"/>
          <w:szCs w:val="24"/>
        </w:rPr>
        <w:t xml:space="preserve"> change in value that can be expected </w:t>
      </w:r>
      <w:r w:rsidR="00F8437D" w:rsidRPr="00F81FA6">
        <w:rPr>
          <w:sz w:val="24"/>
          <w:szCs w:val="24"/>
        </w:rPr>
        <w:t>from those stocks.</w:t>
      </w:r>
    </w:p>
    <w:p w14:paraId="3463A09D" w14:textId="7C511700" w:rsidR="00F87DF6" w:rsidRPr="00F81FA6" w:rsidRDefault="00F87DF6" w:rsidP="0097401C">
      <w:pPr>
        <w:rPr>
          <w:sz w:val="24"/>
          <w:szCs w:val="24"/>
        </w:rPr>
      </w:pPr>
      <w:r w:rsidRPr="00F81FA6">
        <w:rPr>
          <w:sz w:val="24"/>
          <w:szCs w:val="24"/>
        </w:rPr>
        <w:t>I found it pertinent</w:t>
      </w:r>
      <w:r w:rsidR="005A4162" w:rsidRPr="00F81FA6">
        <w:rPr>
          <w:sz w:val="24"/>
          <w:szCs w:val="24"/>
        </w:rPr>
        <w:t xml:space="preserve"> to find a project with a strong business application</w:t>
      </w:r>
      <w:r w:rsidR="00CF64FC" w:rsidRPr="00F81FA6">
        <w:rPr>
          <w:sz w:val="24"/>
          <w:szCs w:val="24"/>
        </w:rPr>
        <w:t xml:space="preserve">, that I also </w:t>
      </w:r>
      <w:r w:rsidR="00B44D9B" w:rsidRPr="00F81FA6">
        <w:rPr>
          <w:sz w:val="24"/>
          <w:szCs w:val="24"/>
        </w:rPr>
        <w:t>personally</w:t>
      </w:r>
      <w:r w:rsidR="00CF64FC" w:rsidRPr="00F81FA6">
        <w:rPr>
          <w:sz w:val="24"/>
          <w:szCs w:val="24"/>
        </w:rPr>
        <w:t xml:space="preserve"> find interesting. I was able to apply an understanding</w:t>
      </w:r>
      <w:r w:rsidR="00676716" w:rsidRPr="00F81FA6">
        <w:rPr>
          <w:sz w:val="24"/>
          <w:szCs w:val="24"/>
        </w:rPr>
        <w:t xml:space="preserve"> of </w:t>
      </w:r>
      <w:r w:rsidR="00AA435C" w:rsidRPr="00F81FA6">
        <w:rPr>
          <w:sz w:val="24"/>
          <w:szCs w:val="24"/>
        </w:rPr>
        <w:t xml:space="preserve">equity trading that I gathered from books such as </w:t>
      </w:r>
      <w:r w:rsidR="002B5466" w:rsidRPr="00F81FA6">
        <w:rPr>
          <w:sz w:val="24"/>
          <w:szCs w:val="24"/>
        </w:rPr>
        <w:t xml:space="preserve">‘The Intelligent Investor’ which </w:t>
      </w:r>
      <w:r w:rsidR="00870C81" w:rsidRPr="00F81FA6">
        <w:rPr>
          <w:sz w:val="24"/>
          <w:szCs w:val="24"/>
        </w:rPr>
        <w:t xml:space="preserve">lead me to </w:t>
      </w:r>
      <w:r w:rsidR="000D3EBD" w:rsidRPr="00F81FA6">
        <w:rPr>
          <w:sz w:val="24"/>
          <w:szCs w:val="24"/>
        </w:rPr>
        <w:t>an</w:t>
      </w:r>
      <w:r w:rsidR="00870C81" w:rsidRPr="00F81FA6">
        <w:rPr>
          <w:sz w:val="24"/>
          <w:szCs w:val="24"/>
        </w:rPr>
        <w:t xml:space="preserve"> understanding</w:t>
      </w:r>
      <w:r w:rsidR="000D3EBD" w:rsidRPr="00F81FA6">
        <w:rPr>
          <w:sz w:val="24"/>
          <w:szCs w:val="24"/>
        </w:rPr>
        <w:t xml:space="preserve"> of how heavily the publics opi</w:t>
      </w:r>
      <w:r w:rsidR="008A6D8C" w:rsidRPr="00F81FA6">
        <w:rPr>
          <w:sz w:val="24"/>
          <w:szCs w:val="24"/>
        </w:rPr>
        <w:t>ni</w:t>
      </w:r>
      <w:r w:rsidR="000D3EBD" w:rsidRPr="00F81FA6">
        <w:rPr>
          <w:sz w:val="24"/>
          <w:szCs w:val="24"/>
        </w:rPr>
        <w:t xml:space="preserve">on of a company could influence the value of </w:t>
      </w:r>
      <w:r w:rsidR="008A6D8C" w:rsidRPr="00F81FA6">
        <w:rPr>
          <w:sz w:val="24"/>
          <w:szCs w:val="24"/>
        </w:rPr>
        <w:t>its</w:t>
      </w:r>
      <w:r w:rsidR="000D3EBD" w:rsidRPr="00F81FA6">
        <w:rPr>
          <w:sz w:val="24"/>
          <w:szCs w:val="24"/>
        </w:rPr>
        <w:t xml:space="preserve"> stocks and shares</w:t>
      </w:r>
      <w:r w:rsidR="0020637D" w:rsidRPr="00F81FA6">
        <w:rPr>
          <w:sz w:val="24"/>
          <w:szCs w:val="24"/>
        </w:rPr>
        <w:t xml:space="preserve">. On top of this, from frequenting </w:t>
      </w:r>
      <w:r w:rsidR="008A6D8C" w:rsidRPr="00F81FA6">
        <w:rPr>
          <w:sz w:val="24"/>
          <w:szCs w:val="24"/>
        </w:rPr>
        <w:t>business</w:t>
      </w:r>
      <w:r w:rsidR="00236A0C" w:rsidRPr="00F81FA6">
        <w:rPr>
          <w:sz w:val="24"/>
          <w:szCs w:val="24"/>
        </w:rPr>
        <w:t xml:space="preserve"> </w:t>
      </w:r>
      <w:r w:rsidR="003303D9" w:rsidRPr="00F81FA6">
        <w:rPr>
          <w:sz w:val="24"/>
          <w:szCs w:val="24"/>
        </w:rPr>
        <w:t>new sources</w:t>
      </w:r>
      <w:r w:rsidR="00F8483F" w:rsidRPr="00F81FA6">
        <w:rPr>
          <w:sz w:val="24"/>
          <w:szCs w:val="24"/>
        </w:rPr>
        <w:t xml:space="preserve"> such as </w:t>
      </w:r>
      <w:r w:rsidR="003303D9" w:rsidRPr="00F81FA6">
        <w:rPr>
          <w:sz w:val="24"/>
          <w:szCs w:val="24"/>
        </w:rPr>
        <w:t>Forbes</w:t>
      </w:r>
      <w:r w:rsidR="00F8483F" w:rsidRPr="00F81FA6">
        <w:rPr>
          <w:sz w:val="24"/>
          <w:szCs w:val="24"/>
        </w:rPr>
        <w:t xml:space="preserve"> and </w:t>
      </w:r>
      <w:r w:rsidR="003303D9" w:rsidRPr="00F81FA6">
        <w:rPr>
          <w:sz w:val="24"/>
          <w:szCs w:val="24"/>
        </w:rPr>
        <w:t>B</w:t>
      </w:r>
      <w:r w:rsidR="00F8483F" w:rsidRPr="00F81FA6">
        <w:rPr>
          <w:sz w:val="24"/>
          <w:szCs w:val="24"/>
        </w:rPr>
        <w:t xml:space="preserve">usiness </w:t>
      </w:r>
      <w:r w:rsidR="003303D9" w:rsidRPr="00F81FA6">
        <w:rPr>
          <w:sz w:val="24"/>
          <w:szCs w:val="24"/>
        </w:rPr>
        <w:t>I</w:t>
      </w:r>
      <w:r w:rsidR="00F8483F" w:rsidRPr="00F81FA6">
        <w:rPr>
          <w:sz w:val="24"/>
          <w:szCs w:val="24"/>
        </w:rPr>
        <w:t>nsider</w:t>
      </w:r>
      <w:r w:rsidR="00730AFE" w:rsidRPr="00F81FA6">
        <w:rPr>
          <w:sz w:val="24"/>
          <w:szCs w:val="24"/>
        </w:rPr>
        <w:t xml:space="preserve">, I was able to observe </w:t>
      </w:r>
      <w:r w:rsidR="00D6653F" w:rsidRPr="00F81FA6">
        <w:rPr>
          <w:sz w:val="24"/>
          <w:szCs w:val="24"/>
        </w:rPr>
        <w:t>the value of companies stocks rise and fall along with the publics</w:t>
      </w:r>
      <w:r w:rsidR="00622D0B" w:rsidRPr="00F81FA6">
        <w:rPr>
          <w:sz w:val="24"/>
          <w:szCs w:val="24"/>
        </w:rPr>
        <w:t xml:space="preserve"> reactions to </w:t>
      </w:r>
      <w:r w:rsidR="00152C0A" w:rsidRPr="00F81FA6">
        <w:rPr>
          <w:sz w:val="24"/>
          <w:szCs w:val="24"/>
        </w:rPr>
        <w:t>the organisations</w:t>
      </w:r>
      <w:r w:rsidR="004B5B33" w:rsidRPr="00F81FA6">
        <w:rPr>
          <w:sz w:val="24"/>
          <w:szCs w:val="24"/>
        </w:rPr>
        <w:t xml:space="preserve"> actions and </w:t>
      </w:r>
      <w:r w:rsidR="00DA7B9E" w:rsidRPr="00F81FA6">
        <w:rPr>
          <w:sz w:val="24"/>
          <w:szCs w:val="24"/>
        </w:rPr>
        <w:t>scandals</w:t>
      </w:r>
      <w:r w:rsidR="00495938" w:rsidRPr="00F81FA6">
        <w:rPr>
          <w:sz w:val="24"/>
          <w:szCs w:val="24"/>
        </w:rPr>
        <w:t xml:space="preserve">, lending </w:t>
      </w:r>
      <w:r w:rsidR="00DA7B9E" w:rsidRPr="00F81FA6">
        <w:rPr>
          <w:sz w:val="24"/>
          <w:szCs w:val="24"/>
        </w:rPr>
        <w:t>credence</w:t>
      </w:r>
      <w:r w:rsidR="00495938" w:rsidRPr="00F81FA6">
        <w:rPr>
          <w:sz w:val="24"/>
          <w:szCs w:val="24"/>
        </w:rPr>
        <w:t xml:space="preserve"> to my theory</w:t>
      </w:r>
      <w:r w:rsidR="00D7564C" w:rsidRPr="00F81FA6">
        <w:rPr>
          <w:sz w:val="24"/>
          <w:szCs w:val="24"/>
        </w:rPr>
        <w:t xml:space="preserve"> that if these falls and rises could be</w:t>
      </w:r>
      <w:r w:rsidR="009D236A" w:rsidRPr="00F81FA6">
        <w:rPr>
          <w:sz w:val="24"/>
          <w:szCs w:val="24"/>
        </w:rPr>
        <w:t xml:space="preserve"> observed and their effects predicted</w:t>
      </w:r>
      <w:r w:rsidR="00DA7B9E" w:rsidRPr="00F81FA6">
        <w:rPr>
          <w:sz w:val="24"/>
          <w:szCs w:val="24"/>
        </w:rPr>
        <w:t>, it would lead to lucrative opportunities for</w:t>
      </w:r>
      <w:r w:rsidR="000E51DB" w:rsidRPr="00F81FA6">
        <w:rPr>
          <w:sz w:val="24"/>
          <w:szCs w:val="24"/>
        </w:rPr>
        <w:t xml:space="preserve"> those interested in the world of st</w:t>
      </w:r>
      <w:r w:rsidR="00B71512" w:rsidRPr="00F81FA6">
        <w:rPr>
          <w:sz w:val="24"/>
          <w:szCs w:val="24"/>
        </w:rPr>
        <w:t>ock trading.</w:t>
      </w:r>
    </w:p>
    <w:p w14:paraId="4DEC470C" w14:textId="36EDDBF2" w:rsidR="00B71512" w:rsidRDefault="00B71512" w:rsidP="0097401C">
      <w:pPr>
        <w:rPr>
          <w:sz w:val="24"/>
          <w:szCs w:val="24"/>
        </w:rPr>
      </w:pPr>
      <w:r w:rsidRPr="00F81FA6">
        <w:rPr>
          <w:sz w:val="24"/>
          <w:szCs w:val="24"/>
        </w:rPr>
        <w:t xml:space="preserve">A large amount of </w:t>
      </w:r>
      <w:r w:rsidR="00A42EBA" w:rsidRPr="00F81FA6">
        <w:rPr>
          <w:sz w:val="24"/>
          <w:szCs w:val="24"/>
        </w:rPr>
        <w:t xml:space="preserve">the knowledge I gathered in the </w:t>
      </w:r>
      <w:r w:rsidR="001301D5" w:rsidRPr="00F81FA6">
        <w:rPr>
          <w:sz w:val="24"/>
          <w:szCs w:val="24"/>
        </w:rPr>
        <w:t xml:space="preserve">course of the program has been applicable to the project, such as </w:t>
      </w:r>
      <w:r w:rsidR="00972E8A" w:rsidRPr="00F81FA6">
        <w:rPr>
          <w:sz w:val="24"/>
          <w:szCs w:val="24"/>
        </w:rPr>
        <w:t>web scrapping</w:t>
      </w:r>
      <w:r w:rsidR="001301D5" w:rsidRPr="00F81FA6">
        <w:rPr>
          <w:sz w:val="24"/>
          <w:szCs w:val="24"/>
        </w:rPr>
        <w:t xml:space="preserve">, database manipulation, </w:t>
      </w:r>
      <w:r w:rsidR="0052664F" w:rsidRPr="00F81FA6">
        <w:rPr>
          <w:sz w:val="24"/>
          <w:szCs w:val="24"/>
        </w:rPr>
        <w:t xml:space="preserve">web stack development, </w:t>
      </w:r>
      <w:r w:rsidR="00972E8A" w:rsidRPr="00F81FA6">
        <w:rPr>
          <w:sz w:val="24"/>
          <w:szCs w:val="24"/>
        </w:rPr>
        <w:t>etc.</w:t>
      </w:r>
      <w:r w:rsidR="0052664F" w:rsidRPr="00F81FA6">
        <w:rPr>
          <w:sz w:val="24"/>
          <w:szCs w:val="24"/>
        </w:rPr>
        <w:t xml:space="preserve"> However, the development of Plutocrat required </w:t>
      </w:r>
      <w:r w:rsidR="00481866" w:rsidRPr="00F81FA6">
        <w:rPr>
          <w:sz w:val="24"/>
          <w:szCs w:val="24"/>
        </w:rPr>
        <w:t xml:space="preserve">proponent of </w:t>
      </w:r>
      <w:r w:rsidR="00972E8A" w:rsidRPr="00F81FA6">
        <w:rPr>
          <w:sz w:val="24"/>
          <w:szCs w:val="24"/>
        </w:rPr>
        <w:t>self-education</w:t>
      </w:r>
      <w:r w:rsidR="00481866" w:rsidRPr="00F81FA6">
        <w:rPr>
          <w:sz w:val="24"/>
          <w:szCs w:val="24"/>
        </w:rPr>
        <w:t xml:space="preserve"> on top of what I already knew. First of I </w:t>
      </w:r>
      <w:r w:rsidR="00AB7F60" w:rsidRPr="00F81FA6">
        <w:rPr>
          <w:sz w:val="24"/>
          <w:szCs w:val="24"/>
        </w:rPr>
        <w:t>need to</w:t>
      </w:r>
      <w:r w:rsidR="00883D2C">
        <w:rPr>
          <w:sz w:val="24"/>
          <w:szCs w:val="24"/>
        </w:rPr>
        <w:t xml:space="preserve">o </w:t>
      </w:r>
      <w:r w:rsidR="00972E8A" w:rsidRPr="00F81FA6">
        <w:rPr>
          <w:sz w:val="24"/>
          <w:szCs w:val="24"/>
        </w:rPr>
        <w:t>self-educate</w:t>
      </w:r>
      <w:r w:rsidR="00883D2C">
        <w:rPr>
          <w:sz w:val="24"/>
          <w:szCs w:val="24"/>
        </w:rPr>
        <w:t xml:space="preserve"> from a </w:t>
      </w:r>
      <w:r w:rsidR="00972E8A">
        <w:rPr>
          <w:sz w:val="24"/>
          <w:szCs w:val="24"/>
        </w:rPr>
        <w:t>bare bone</w:t>
      </w:r>
      <w:r w:rsidR="00883D2C">
        <w:rPr>
          <w:sz w:val="24"/>
          <w:szCs w:val="24"/>
        </w:rPr>
        <w:t xml:space="preserve"> beginning in the realms of </w:t>
      </w:r>
      <w:r w:rsidR="00504E25">
        <w:rPr>
          <w:sz w:val="24"/>
          <w:szCs w:val="24"/>
        </w:rPr>
        <w:t>sentiment analysis, and machine learning</w:t>
      </w:r>
      <w:r w:rsidR="00F851FB">
        <w:rPr>
          <w:sz w:val="24"/>
          <w:szCs w:val="24"/>
        </w:rPr>
        <w:t xml:space="preserve">, two proponents of the project which I had </w:t>
      </w:r>
      <w:r w:rsidR="00D2507A">
        <w:rPr>
          <w:sz w:val="24"/>
          <w:szCs w:val="24"/>
        </w:rPr>
        <w:t>absolutely</w:t>
      </w:r>
      <w:r w:rsidR="00F851FB">
        <w:rPr>
          <w:sz w:val="24"/>
          <w:szCs w:val="24"/>
        </w:rPr>
        <w:t xml:space="preserve"> zero experience with before beginning the project</w:t>
      </w:r>
      <w:r w:rsidR="00D2507A">
        <w:rPr>
          <w:sz w:val="24"/>
          <w:szCs w:val="24"/>
        </w:rPr>
        <w:t>.</w:t>
      </w:r>
    </w:p>
    <w:p w14:paraId="3B914F2C" w14:textId="53423C08" w:rsidR="00D2507A" w:rsidRDefault="00D2507A" w:rsidP="0097401C">
      <w:pPr>
        <w:rPr>
          <w:sz w:val="24"/>
          <w:szCs w:val="24"/>
        </w:rPr>
      </w:pPr>
      <w:r>
        <w:rPr>
          <w:sz w:val="24"/>
          <w:szCs w:val="24"/>
        </w:rPr>
        <w:t xml:space="preserve">I </w:t>
      </w:r>
      <w:r w:rsidR="00A60EE0">
        <w:rPr>
          <w:sz w:val="24"/>
          <w:szCs w:val="24"/>
        </w:rPr>
        <w:t>believe</w:t>
      </w:r>
      <w:r>
        <w:rPr>
          <w:sz w:val="24"/>
          <w:szCs w:val="24"/>
        </w:rPr>
        <w:t xml:space="preserve"> that these extra skills and experiences</w:t>
      </w:r>
      <w:r w:rsidR="00276E84">
        <w:rPr>
          <w:sz w:val="24"/>
          <w:szCs w:val="24"/>
        </w:rPr>
        <w:t xml:space="preserve"> that I have garnished on to of the already impressive plethora of </w:t>
      </w:r>
      <w:r w:rsidR="007C35F4">
        <w:rPr>
          <w:sz w:val="24"/>
          <w:szCs w:val="24"/>
        </w:rPr>
        <w:t>abilities I gained during</w:t>
      </w:r>
      <w:r w:rsidR="00340FEA">
        <w:rPr>
          <w:sz w:val="24"/>
          <w:szCs w:val="24"/>
        </w:rPr>
        <w:t xml:space="preserve"> my degree, will </w:t>
      </w:r>
      <w:r w:rsidR="00A60EE0">
        <w:rPr>
          <w:sz w:val="24"/>
          <w:szCs w:val="24"/>
        </w:rPr>
        <w:t>assist</w:t>
      </w:r>
      <w:r w:rsidR="005A6CD3">
        <w:rPr>
          <w:sz w:val="24"/>
          <w:szCs w:val="24"/>
        </w:rPr>
        <w:t xml:space="preserve"> me in my future </w:t>
      </w:r>
      <w:r w:rsidR="00A60EE0">
        <w:rPr>
          <w:sz w:val="24"/>
          <w:szCs w:val="24"/>
        </w:rPr>
        <w:t>career</w:t>
      </w:r>
      <w:r w:rsidR="005A6CD3">
        <w:rPr>
          <w:sz w:val="24"/>
          <w:szCs w:val="24"/>
        </w:rPr>
        <w:t>, and</w:t>
      </w:r>
      <w:r w:rsidR="00F21FD9">
        <w:rPr>
          <w:sz w:val="24"/>
          <w:szCs w:val="24"/>
        </w:rPr>
        <w:t xml:space="preserve"> stand as </w:t>
      </w:r>
      <w:r w:rsidR="00A60EE0">
        <w:rPr>
          <w:sz w:val="24"/>
          <w:szCs w:val="24"/>
        </w:rPr>
        <w:t>testimony</w:t>
      </w:r>
      <w:r w:rsidR="00F21FD9">
        <w:rPr>
          <w:sz w:val="24"/>
          <w:szCs w:val="24"/>
        </w:rPr>
        <w:t xml:space="preserve"> to my progression as developer and as </w:t>
      </w:r>
      <w:r w:rsidR="00560AD2">
        <w:rPr>
          <w:sz w:val="24"/>
          <w:szCs w:val="24"/>
        </w:rPr>
        <w:t>an</w:t>
      </w:r>
      <w:r w:rsidR="00F21FD9">
        <w:rPr>
          <w:sz w:val="24"/>
          <w:szCs w:val="24"/>
        </w:rPr>
        <w:t xml:space="preserve"> individual. Already I can see how Plutocrat can be improved and expanded in the future</w:t>
      </w:r>
      <w:r w:rsidR="00997F11">
        <w:rPr>
          <w:sz w:val="24"/>
          <w:szCs w:val="24"/>
        </w:rPr>
        <w:t>, how it</w:t>
      </w:r>
      <w:r w:rsidR="004B6E21">
        <w:rPr>
          <w:sz w:val="24"/>
          <w:szCs w:val="24"/>
        </w:rPr>
        <w:t>’s processes can be improved</w:t>
      </w:r>
      <w:r w:rsidR="003F7A0E">
        <w:rPr>
          <w:sz w:val="24"/>
          <w:szCs w:val="24"/>
        </w:rPr>
        <w:t xml:space="preserve">, and how it’s predictions </w:t>
      </w:r>
      <w:r w:rsidR="004B032F">
        <w:rPr>
          <w:sz w:val="24"/>
          <w:szCs w:val="24"/>
        </w:rPr>
        <w:t>can be ma</w:t>
      </w:r>
      <w:r w:rsidR="00ED1692">
        <w:rPr>
          <w:sz w:val="24"/>
          <w:szCs w:val="24"/>
        </w:rPr>
        <w:t>de more accurate.</w:t>
      </w:r>
    </w:p>
    <w:p w14:paraId="3D4E9738" w14:textId="71D2E4FD" w:rsidR="00A66685" w:rsidRDefault="000846F1" w:rsidP="00A66685">
      <w:pPr>
        <w:pStyle w:val="Heading1"/>
      </w:pPr>
      <w:r>
        <w:t>Objectives of Plutocrat</w:t>
      </w:r>
    </w:p>
    <w:p w14:paraId="42A7B2A6" w14:textId="07818FAE" w:rsidR="000846F1" w:rsidRPr="00225DCC" w:rsidRDefault="000846F1" w:rsidP="000846F1">
      <w:pPr>
        <w:rPr>
          <w:sz w:val="24"/>
          <w:szCs w:val="24"/>
        </w:rPr>
      </w:pPr>
      <w:r w:rsidRPr="00225DCC">
        <w:rPr>
          <w:sz w:val="24"/>
          <w:szCs w:val="24"/>
        </w:rPr>
        <w:t xml:space="preserve">The primary </w:t>
      </w:r>
      <w:r w:rsidR="009A0C7D" w:rsidRPr="00225DCC">
        <w:rPr>
          <w:sz w:val="24"/>
          <w:szCs w:val="24"/>
        </w:rPr>
        <w:t>objective</w:t>
      </w:r>
      <w:r w:rsidRPr="00225DCC">
        <w:rPr>
          <w:sz w:val="24"/>
          <w:szCs w:val="24"/>
        </w:rPr>
        <w:t xml:space="preserve"> of Pl</w:t>
      </w:r>
      <w:r w:rsidR="00A72F8E" w:rsidRPr="00225DCC">
        <w:rPr>
          <w:sz w:val="24"/>
          <w:szCs w:val="24"/>
        </w:rPr>
        <w:t>utocrat</w:t>
      </w:r>
      <w:r w:rsidR="006D665F" w:rsidRPr="00225DCC">
        <w:rPr>
          <w:sz w:val="24"/>
          <w:szCs w:val="24"/>
        </w:rPr>
        <w:t xml:space="preserve"> is to </w:t>
      </w:r>
      <w:r w:rsidR="007B4E09" w:rsidRPr="00225DCC">
        <w:rPr>
          <w:sz w:val="24"/>
          <w:szCs w:val="24"/>
        </w:rPr>
        <w:t>build a web service that</w:t>
      </w:r>
      <w:r w:rsidR="00654A62" w:rsidRPr="00225DCC">
        <w:rPr>
          <w:sz w:val="24"/>
          <w:szCs w:val="24"/>
        </w:rPr>
        <w:t xml:space="preserve"> that </w:t>
      </w:r>
      <w:r w:rsidR="006E18C0" w:rsidRPr="00225DCC">
        <w:rPr>
          <w:sz w:val="24"/>
          <w:szCs w:val="24"/>
        </w:rPr>
        <w:t xml:space="preserve">can act as a guide </w:t>
      </w:r>
      <w:r w:rsidR="00DB1D9E" w:rsidRPr="00225DCC">
        <w:rPr>
          <w:sz w:val="24"/>
          <w:szCs w:val="24"/>
        </w:rPr>
        <w:t xml:space="preserve">to </w:t>
      </w:r>
      <w:r w:rsidR="00BB55D3" w:rsidRPr="00225DCC">
        <w:rPr>
          <w:sz w:val="24"/>
          <w:szCs w:val="24"/>
        </w:rPr>
        <w:t xml:space="preserve">the chaotic world of stock </w:t>
      </w:r>
      <w:r w:rsidR="0039392C" w:rsidRPr="00225DCC">
        <w:rPr>
          <w:sz w:val="24"/>
          <w:szCs w:val="24"/>
        </w:rPr>
        <w:t xml:space="preserve">trading. </w:t>
      </w:r>
      <w:r w:rsidR="00570FA3" w:rsidRPr="00225DCC">
        <w:rPr>
          <w:sz w:val="24"/>
          <w:szCs w:val="24"/>
        </w:rPr>
        <w:t>Of course,</w:t>
      </w:r>
      <w:r w:rsidR="0039392C" w:rsidRPr="00225DCC">
        <w:rPr>
          <w:sz w:val="24"/>
          <w:szCs w:val="24"/>
        </w:rPr>
        <w:t xml:space="preserve"> the system can never hope to become infallible</w:t>
      </w:r>
      <w:r w:rsidR="00733B33" w:rsidRPr="00225DCC">
        <w:rPr>
          <w:sz w:val="24"/>
          <w:szCs w:val="24"/>
        </w:rPr>
        <w:t xml:space="preserve">. It is </w:t>
      </w:r>
      <w:r w:rsidR="000974FA" w:rsidRPr="00225DCC">
        <w:rPr>
          <w:sz w:val="24"/>
          <w:szCs w:val="24"/>
        </w:rPr>
        <w:t>basing</w:t>
      </w:r>
      <w:r w:rsidR="0004788F" w:rsidRPr="00225DCC">
        <w:rPr>
          <w:sz w:val="24"/>
          <w:szCs w:val="24"/>
        </w:rPr>
        <w:t xml:space="preserve"> </w:t>
      </w:r>
      <w:r w:rsidR="00905A09" w:rsidRPr="00225DCC">
        <w:rPr>
          <w:sz w:val="24"/>
          <w:szCs w:val="24"/>
        </w:rPr>
        <w:t>its</w:t>
      </w:r>
      <w:r w:rsidR="0004788F" w:rsidRPr="00225DCC">
        <w:rPr>
          <w:sz w:val="24"/>
          <w:szCs w:val="24"/>
        </w:rPr>
        <w:t xml:space="preserve"> prediction on one </w:t>
      </w:r>
      <w:r w:rsidR="008B1EDE" w:rsidRPr="00225DCC">
        <w:rPr>
          <w:sz w:val="24"/>
          <w:szCs w:val="24"/>
        </w:rPr>
        <w:t>aspect of influence</w:t>
      </w:r>
      <w:r w:rsidR="00AD730C" w:rsidRPr="00225DCC">
        <w:rPr>
          <w:sz w:val="24"/>
          <w:szCs w:val="24"/>
        </w:rPr>
        <w:t xml:space="preserve"> in a complex system</w:t>
      </w:r>
      <w:r w:rsidR="00183CEE" w:rsidRPr="00225DCC">
        <w:rPr>
          <w:sz w:val="24"/>
          <w:szCs w:val="24"/>
        </w:rPr>
        <w:t xml:space="preserve"> of stimulus</w:t>
      </w:r>
      <w:r w:rsidR="00D02436" w:rsidRPr="00225DCC">
        <w:rPr>
          <w:sz w:val="24"/>
          <w:szCs w:val="24"/>
        </w:rPr>
        <w:t xml:space="preserve"> that </w:t>
      </w:r>
      <w:r w:rsidR="00570FA3" w:rsidRPr="00225DCC">
        <w:rPr>
          <w:sz w:val="24"/>
          <w:szCs w:val="24"/>
        </w:rPr>
        <w:t>dictates</w:t>
      </w:r>
      <w:r w:rsidR="00B96B05" w:rsidRPr="00225DCC">
        <w:rPr>
          <w:sz w:val="24"/>
          <w:szCs w:val="24"/>
        </w:rPr>
        <w:t xml:space="preserve"> the ebbs and flows of</w:t>
      </w:r>
      <w:r w:rsidR="00570FA3" w:rsidRPr="00225DCC">
        <w:rPr>
          <w:sz w:val="24"/>
          <w:szCs w:val="24"/>
        </w:rPr>
        <w:t xml:space="preserve"> the stock market</w:t>
      </w:r>
      <w:r w:rsidR="000974FA" w:rsidRPr="00225DCC">
        <w:rPr>
          <w:sz w:val="24"/>
          <w:szCs w:val="24"/>
        </w:rPr>
        <w:t xml:space="preserve">. </w:t>
      </w:r>
      <w:r w:rsidR="00905A09" w:rsidRPr="00225DCC">
        <w:rPr>
          <w:sz w:val="24"/>
          <w:szCs w:val="24"/>
        </w:rPr>
        <w:t>However,</w:t>
      </w:r>
      <w:r w:rsidR="000974FA" w:rsidRPr="00225DCC">
        <w:rPr>
          <w:sz w:val="24"/>
          <w:szCs w:val="24"/>
        </w:rPr>
        <w:t xml:space="preserve"> I do believe</w:t>
      </w:r>
      <w:r w:rsidR="00BA7A49" w:rsidRPr="00225DCC">
        <w:rPr>
          <w:sz w:val="24"/>
          <w:szCs w:val="24"/>
        </w:rPr>
        <w:t xml:space="preserve"> that the effect that sentiment has over</w:t>
      </w:r>
      <w:r w:rsidR="005318B2" w:rsidRPr="00225DCC">
        <w:rPr>
          <w:sz w:val="24"/>
          <w:szCs w:val="24"/>
        </w:rPr>
        <w:t xml:space="preserve"> the value of equities</w:t>
      </w:r>
      <w:r w:rsidR="00EF4DF5" w:rsidRPr="00225DCC">
        <w:rPr>
          <w:sz w:val="24"/>
          <w:szCs w:val="24"/>
        </w:rPr>
        <w:t xml:space="preserve"> is significant enough that it can offer</w:t>
      </w:r>
      <w:r w:rsidR="005F7511" w:rsidRPr="00225DCC">
        <w:rPr>
          <w:sz w:val="24"/>
          <w:szCs w:val="24"/>
        </w:rPr>
        <w:t xml:space="preserve">. The </w:t>
      </w:r>
      <w:r w:rsidR="005120C9" w:rsidRPr="00225DCC">
        <w:rPr>
          <w:sz w:val="24"/>
          <w:szCs w:val="24"/>
        </w:rPr>
        <w:t>front page will display</w:t>
      </w:r>
      <w:r w:rsidR="00A10D7D" w:rsidRPr="00225DCC">
        <w:rPr>
          <w:sz w:val="24"/>
          <w:szCs w:val="24"/>
        </w:rPr>
        <w:t xml:space="preserve"> a list</w:t>
      </w:r>
      <w:r w:rsidR="00B24F38" w:rsidRPr="00225DCC">
        <w:rPr>
          <w:sz w:val="24"/>
          <w:szCs w:val="24"/>
        </w:rPr>
        <w:t xml:space="preserve"> of all the co</w:t>
      </w:r>
      <w:r w:rsidR="005C4E2B" w:rsidRPr="00225DCC">
        <w:rPr>
          <w:sz w:val="24"/>
          <w:szCs w:val="24"/>
        </w:rPr>
        <w:t xml:space="preserve">mpanies listed in the </w:t>
      </w:r>
      <w:r w:rsidR="00713329" w:rsidRPr="00225DCC">
        <w:rPr>
          <w:sz w:val="24"/>
          <w:szCs w:val="24"/>
        </w:rPr>
        <w:t>Nasdaq</w:t>
      </w:r>
      <w:r w:rsidR="005C4E2B" w:rsidRPr="00225DCC">
        <w:rPr>
          <w:sz w:val="24"/>
          <w:szCs w:val="24"/>
        </w:rPr>
        <w:t xml:space="preserve"> 100. </w:t>
      </w:r>
      <w:r w:rsidR="0058253E" w:rsidRPr="00225DCC">
        <w:rPr>
          <w:sz w:val="24"/>
          <w:szCs w:val="24"/>
        </w:rPr>
        <w:t xml:space="preserve">Clicking </w:t>
      </w:r>
      <w:r w:rsidR="00F23CD7" w:rsidRPr="00225DCC">
        <w:rPr>
          <w:sz w:val="24"/>
          <w:szCs w:val="24"/>
        </w:rPr>
        <w:t>into any of the companies</w:t>
      </w:r>
      <w:r w:rsidR="008F34EA" w:rsidRPr="00225DCC">
        <w:rPr>
          <w:sz w:val="24"/>
          <w:szCs w:val="24"/>
        </w:rPr>
        <w:t xml:space="preserve"> will reveal </w:t>
      </w:r>
      <w:r w:rsidR="00692A23" w:rsidRPr="00225DCC">
        <w:rPr>
          <w:sz w:val="24"/>
          <w:szCs w:val="24"/>
        </w:rPr>
        <w:t>specific</w:t>
      </w:r>
      <w:r w:rsidR="00D02F51" w:rsidRPr="00225DCC">
        <w:rPr>
          <w:sz w:val="24"/>
          <w:szCs w:val="24"/>
        </w:rPr>
        <w:t xml:space="preserve"> details</w:t>
      </w:r>
      <w:r w:rsidR="00A02E96" w:rsidRPr="00225DCC">
        <w:rPr>
          <w:sz w:val="24"/>
          <w:szCs w:val="24"/>
        </w:rPr>
        <w:t xml:space="preserve"> about</w:t>
      </w:r>
      <w:r w:rsidR="007B4CFC" w:rsidRPr="00225DCC">
        <w:rPr>
          <w:sz w:val="24"/>
          <w:szCs w:val="24"/>
        </w:rPr>
        <w:t xml:space="preserve"> each company</w:t>
      </w:r>
      <w:r w:rsidR="002807CF" w:rsidRPr="00225DCC">
        <w:rPr>
          <w:sz w:val="24"/>
          <w:szCs w:val="24"/>
        </w:rPr>
        <w:t xml:space="preserve">, including </w:t>
      </w:r>
      <w:r w:rsidR="005A0C85" w:rsidRPr="00225DCC">
        <w:rPr>
          <w:sz w:val="24"/>
          <w:szCs w:val="24"/>
        </w:rPr>
        <w:t>the pre</w:t>
      </w:r>
      <w:r w:rsidR="00AF2CA7" w:rsidRPr="00225DCC">
        <w:rPr>
          <w:sz w:val="24"/>
          <w:szCs w:val="24"/>
        </w:rPr>
        <w:t>dicted change in that</w:t>
      </w:r>
      <w:r w:rsidR="002F090B" w:rsidRPr="00225DCC">
        <w:rPr>
          <w:sz w:val="24"/>
          <w:szCs w:val="24"/>
        </w:rPr>
        <w:t xml:space="preserve"> stock price within the next 24 hours</w:t>
      </w:r>
      <w:r w:rsidR="00F64E02" w:rsidRPr="00225DCC">
        <w:rPr>
          <w:sz w:val="24"/>
          <w:szCs w:val="24"/>
        </w:rPr>
        <w:t>.</w:t>
      </w:r>
    </w:p>
    <w:p w14:paraId="6994CCFA" w14:textId="2F045173" w:rsidR="00FC65A6" w:rsidRDefault="00B477A8" w:rsidP="000846F1">
      <w:pPr>
        <w:rPr>
          <w:sz w:val="24"/>
          <w:szCs w:val="24"/>
        </w:rPr>
      </w:pPr>
      <w:r w:rsidRPr="00225DCC">
        <w:rPr>
          <w:sz w:val="24"/>
          <w:szCs w:val="24"/>
        </w:rPr>
        <w:t xml:space="preserve">The </w:t>
      </w:r>
      <w:r w:rsidR="00697F62" w:rsidRPr="00225DCC">
        <w:rPr>
          <w:sz w:val="24"/>
          <w:szCs w:val="24"/>
        </w:rPr>
        <w:t xml:space="preserve">overt operations </w:t>
      </w:r>
      <w:r w:rsidR="003626E9" w:rsidRPr="00225DCC">
        <w:rPr>
          <w:sz w:val="24"/>
          <w:szCs w:val="24"/>
        </w:rPr>
        <w:t xml:space="preserve">of the </w:t>
      </w:r>
      <w:r w:rsidR="00D27CDA" w:rsidRPr="00225DCC">
        <w:rPr>
          <w:sz w:val="24"/>
          <w:szCs w:val="24"/>
        </w:rPr>
        <w:t>website are sparse</w:t>
      </w:r>
      <w:r w:rsidR="00493066" w:rsidRPr="00225DCC">
        <w:rPr>
          <w:sz w:val="24"/>
          <w:szCs w:val="24"/>
        </w:rPr>
        <w:t xml:space="preserve"> in c</w:t>
      </w:r>
      <w:r w:rsidR="00996AD1" w:rsidRPr="00225DCC">
        <w:rPr>
          <w:sz w:val="24"/>
          <w:szCs w:val="24"/>
        </w:rPr>
        <w:t>omparison</w:t>
      </w:r>
      <w:r w:rsidR="0032526C" w:rsidRPr="00225DCC">
        <w:rPr>
          <w:sz w:val="24"/>
          <w:szCs w:val="24"/>
        </w:rPr>
        <w:t xml:space="preserve"> to its backend </w:t>
      </w:r>
      <w:r w:rsidR="005C24E9" w:rsidRPr="00225DCC">
        <w:rPr>
          <w:sz w:val="24"/>
          <w:szCs w:val="24"/>
        </w:rPr>
        <w:t>processes</w:t>
      </w:r>
      <w:r w:rsidR="00ED0C32" w:rsidRPr="00225DCC">
        <w:rPr>
          <w:sz w:val="24"/>
          <w:szCs w:val="24"/>
        </w:rPr>
        <w:t xml:space="preserve">, the </w:t>
      </w:r>
      <w:r w:rsidR="00E02583" w:rsidRPr="00225DCC">
        <w:rPr>
          <w:sz w:val="24"/>
          <w:szCs w:val="24"/>
        </w:rPr>
        <w:t xml:space="preserve">webservice will primarily work to display the work of the backend sentiment analysis </w:t>
      </w:r>
      <w:r w:rsidR="00225DCC" w:rsidRPr="00225DCC">
        <w:rPr>
          <w:sz w:val="24"/>
          <w:szCs w:val="24"/>
        </w:rPr>
        <w:t>and neural network.</w:t>
      </w:r>
    </w:p>
    <w:p w14:paraId="099C2F7A" w14:textId="6CFD08EB" w:rsidR="005E17BB" w:rsidRDefault="00D326B9" w:rsidP="007B6CB5">
      <w:pPr>
        <w:pStyle w:val="Heading1"/>
      </w:pPr>
      <w:r>
        <w:lastRenderedPageBreak/>
        <w:t>Business Case of Plutocrat</w:t>
      </w:r>
    </w:p>
    <w:p w14:paraId="424C1994" w14:textId="0D46EF76" w:rsidR="00BE4846" w:rsidRDefault="00EA561C" w:rsidP="00BE4846">
      <w:pPr>
        <w:rPr>
          <w:sz w:val="24"/>
          <w:szCs w:val="24"/>
        </w:rPr>
      </w:pPr>
      <w:r>
        <w:rPr>
          <w:sz w:val="24"/>
          <w:szCs w:val="24"/>
        </w:rPr>
        <w:t>The idea for Plutocrat was formed when, in my research, I learned that</w:t>
      </w:r>
      <w:r w:rsidR="003D21C3">
        <w:rPr>
          <w:sz w:val="24"/>
          <w:szCs w:val="24"/>
        </w:rPr>
        <w:t xml:space="preserve"> since the 2008 financial cris</w:t>
      </w:r>
      <w:r w:rsidR="00687D23">
        <w:rPr>
          <w:sz w:val="24"/>
          <w:szCs w:val="24"/>
        </w:rPr>
        <w:t>is investor interest had shifted from the use of mutual funds</w:t>
      </w:r>
      <w:r w:rsidR="00960B73">
        <w:rPr>
          <w:sz w:val="24"/>
          <w:szCs w:val="24"/>
        </w:rPr>
        <w:t xml:space="preserve"> (in which</w:t>
      </w:r>
      <w:r w:rsidR="00511EBB">
        <w:rPr>
          <w:sz w:val="24"/>
          <w:szCs w:val="24"/>
        </w:rPr>
        <w:t xml:space="preserve"> fund managers pick stocks with the aim of beating the market)</w:t>
      </w:r>
      <w:r w:rsidR="00687D23">
        <w:rPr>
          <w:sz w:val="24"/>
          <w:szCs w:val="24"/>
        </w:rPr>
        <w:t xml:space="preserve"> to index fund</w:t>
      </w:r>
      <w:r w:rsidR="00511EBB">
        <w:rPr>
          <w:sz w:val="24"/>
          <w:szCs w:val="24"/>
        </w:rPr>
        <w:t>s</w:t>
      </w:r>
      <w:r w:rsidR="008B36E2">
        <w:rPr>
          <w:sz w:val="24"/>
          <w:szCs w:val="24"/>
        </w:rPr>
        <w:t xml:space="preserve">(which replicate established stock indices </w:t>
      </w:r>
      <w:r w:rsidR="00DD32F3">
        <w:rPr>
          <w:sz w:val="24"/>
          <w:szCs w:val="24"/>
        </w:rPr>
        <w:t>e.g.</w:t>
      </w:r>
      <w:r w:rsidR="008B36E2">
        <w:rPr>
          <w:sz w:val="24"/>
          <w:szCs w:val="24"/>
        </w:rPr>
        <w:t xml:space="preserve"> S&amp;P 500, Nasdaq 100, </w:t>
      </w:r>
      <w:r w:rsidR="00DD32F3">
        <w:rPr>
          <w:sz w:val="24"/>
          <w:szCs w:val="24"/>
        </w:rPr>
        <w:t>etc</w:t>
      </w:r>
      <w:r w:rsidR="00366FC2">
        <w:rPr>
          <w:sz w:val="24"/>
          <w:szCs w:val="24"/>
        </w:rPr>
        <w:t>)</w:t>
      </w:r>
      <w:r w:rsidR="00687D23">
        <w:rPr>
          <w:sz w:val="24"/>
          <w:szCs w:val="24"/>
        </w:rPr>
        <w:t xml:space="preserve">. </w:t>
      </w:r>
      <w:r w:rsidR="00366FC2">
        <w:rPr>
          <w:sz w:val="24"/>
          <w:szCs w:val="24"/>
        </w:rPr>
        <w:t xml:space="preserve">I also learned that this sector is under the control of a power </w:t>
      </w:r>
      <w:r w:rsidR="00023663">
        <w:rPr>
          <w:sz w:val="24"/>
          <w:szCs w:val="24"/>
        </w:rPr>
        <w:t>oligarchy</w:t>
      </w:r>
      <w:r w:rsidR="00304A58">
        <w:rPr>
          <w:sz w:val="24"/>
          <w:szCs w:val="24"/>
        </w:rPr>
        <w:t xml:space="preserve"> </w:t>
      </w:r>
      <w:r w:rsidR="00023663">
        <w:rPr>
          <w:sz w:val="24"/>
          <w:szCs w:val="24"/>
        </w:rPr>
        <w:t>referred</w:t>
      </w:r>
      <w:r w:rsidR="00304A58">
        <w:rPr>
          <w:sz w:val="24"/>
          <w:szCs w:val="24"/>
        </w:rPr>
        <w:t xml:space="preserve"> too as the “Big 3”. The Big 3 is made up of 3 asset managers: BlackRock, Vanguard</w:t>
      </w:r>
      <w:r w:rsidR="00023663">
        <w:rPr>
          <w:sz w:val="24"/>
          <w:szCs w:val="24"/>
        </w:rPr>
        <w:t>, and State Street, which combined manage nearly $11 trillion in assets.</w:t>
      </w:r>
      <w:r w:rsidR="00195606">
        <w:rPr>
          <w:sz w:val="24"/>
          <w:szCs w:val="24"/>
        </w:rPr>
        <w:t xml:space="preserve"> The part that we are most interested with, however, is the fact </w:t>
      </w:r>
      <w:r w:rsidR="00612056">
        <w:rPr>
          <w:sz w:val="24"/>
          <w:szCs w:val="24"/>
        </w:rPr>
        <w:t>that the Big 3 firms, along with other investment firms, have consistently failed to beat the market in previous years.</w:t>
      </w:r>
      <w:r w:rsidR="00F843C5">
        <w:rPr>
          <w:sz w:val="24"/>
          <w:szCs w:val="24"/>
        </w:rPr>
        <w:t xml:space="preserve"> This means that the increase </w:t>
      </w:r>
      <w:r w:rsidR="00316610">
        <w:rPr>
          <w:sz w:val="24"/>
          <w:szCs w:val="24"/>
        </w:rPr>
        <w:t>in value of these funds</w:t>
      </w:r>
      <w:r w:rsidR="006F0E43">
        <w:rPr>
          <w:sz w:val="24"/>
          <w:szCs w:val="24"/>
        </w:rPr>
        <w:t xml:space="preserve"> has been, in best case scenarios equal to </w:t>
      </w:r>
      <w:r w:rsidR="00480A56">
        <w:rPr>
          <w:sz w:val="24"/>
          <w:szCs w:val="24"/>
        </w:rPr>
        <w:t xml:space="preserve">the amount the value of the general market has increased, but in most cases has been considerably </w:t>
      </w:r>
      <w:r w:rsidR="00D03D1E">
        <w:rPr>
          <w:sz w:val="24"/>
          <w:szCs w:val="24"/>
        </w:rPr>
        <w:t xml:space="preserve">lower. </w:t>
      </w:r>
      <w:r w:rsidR="002E7FF2">
        <w:rPr>
          <w:sz w:val="24"/>
          <w:szCs w:val="24"/>
        </w:rPr>
        <w:t xml:space="preserve">Similar </w:t>
      </w:r>
      <w:r w:rsidR="00E32215">
        <w:rPr>
          <w:sz w:val="24"/>
          <w:szCs w:val="24"/>
        </w:rPr>
        <w:t>phenomena</w:t>
      </w:r>
      <w:r w:rsidR="002E7FF2">
        <w:rPr>
          <w:sz w:val="24"/>
          <w:szCs w:val="24"/>
        </w:rPr>
        <w:t xml:space="preserve"> are mentioned in the Benjamin Graham</w:t>
      </w:r>
      <w:r w:rsidR="00694E4A">
        <w:rPr>
          <w:sz w:val="24"/>
          <w:szCs w:val="24"/>
        </w:rPr>
        <w:t xml:space="preserve"> text “The Intelligent Investor” indicating that this is not a new pro</w:t>
      </w:r>
      <w:r w:rsidR="004C2AC8">
        <w:rPr>
          <w:sz w:val="24"/>
          <w:szCs w:val="24"/>
        </w:rPr>
        <w:t>blem, but has been happening for decades</w:t>
      </w:r>
      <w:r w:rsidR="00713796">
        <w:rPr>
          <w:sz w:val="24"/>
          <w:szCs w:val="24"/>
        </w:rPr>
        <w:t>, and has instead been exacerbated by modern market uncertainty.</w:t>
      </w:r>
      <w:r w:rsidR="006C714A">
        <w:rPr>
          <w:sz w:val="24"/>
          <w:szCs w:val="24"/>
        </w:rPr>
        <w:t xml:space="preserve"> Even Warren Buffet has said in interviews that he has found it difficult to make </w:t>
      </w:r>
      <w:r w:rsidR="00187F62">
        <w:rPr>
          <w:sz w:val="24"/>
          <w:szCs w:val="24"/>
        </w:rPr>
        <w:t>profitable investments in recent years</w:t>
      </w:r>
      <w:r w:rsidR="00E32215">
        <w:rPr>
          <w:sz w:val="24"/>
          <w:szCs w:val="24"/>
        </w:rPr>
        <w:t xml:space="preserve"> due to market volatility. </w:t>
      </w:r>
    </w:p>
    <w:p w14:paraId="6372E017" w14:textId="07E2D339" w:rsidR="00E01A4C" w:rsidRPr="00EA561C" w:rsidRDefault="00E01A4C" w:rsidP="00BE4846">
      <w:pPr>
        <w:rPr>
          <w:sz w:val="24"/>
          <w:szCs w:val="24"/>
        </w:rPr>
      </w:pPr>
      <w:r>
        <w:rPr>
          <w:sz w:val="24"/>
          <w:szCs w:val="24"/>
        </w:rPr>
        <w:t xml:space="preserve">This is where </w:t>
      </w:r>
      <w:r w:rsidR="00337619">
        <w:rPr>
          <w:sz w:val="24"/>
          <w:szCs w:val="24"/>
        </w:rPr>
        <w:t>the value of Plutocrat becomes apparent</w:t>
      </w:r>
      <w:r w:rsidR="00000F52">
        <w:rPr>
          <w:sz w:val="24"/>
          <w:szCs w:val="24"/>
        </w:rPr>
        <w:t xml:space="preserve">. </w:t>
      </w:r>
      <w:r w:rsidR="009077FB">
        <w:rPr>
          <w:sz w:val="24"/>
          <w:szCs w:val="24"/>
        </w:rPr>
        <w:t xml:space="preserve">The fact that entrusting </w:t>
      </w:r>
      <w:r w:rsidR="00D138C4">
        <w:rPr>
          <w:sz w:val="24"/>
          <w:szCs w:val="24"/>
        </w:rPr>
        <w:t xml:space="preserve">assets to a </w:t>
      </w:r>
      <w:r w:rsidR="003A0623">
        <w:rPr>
          <w:sz w:val="24"/>
          <w:szCs w:val="24"/>
        </w:rPr>
        <w:t xml:space="preserve">firm of investing professionals appears to be slightly less effective than investing </w:t>
      </w:r>
      <w:r w:rsidR="00DD32F3">
        <w:rPr>
          <w:sz w:val="24"/>
          <w:szCs w:val="24"/>
        </w:rPr>
        <w:t>randomly or</w:t>
      </w:r>
      <w:r w:rsidR="008C2337">
        <w:rPr>
          <w:sz w:val="24"/>
          <w:szCs w:val="24"/>
        </w:rPr>
        <w:t xml:space="preserve"> flipping a coin to choose stocks</w:t>
      </w:r>
      <w:r w:rsidR="0053031B">
        <w:rPr>
          <w:sz w:val="24"/>
          <w:szCs w:val="24"/>
        </w:rPr>
        <w:t xml:space="preserve">. </w:t>
      </w:r>
      <w:r w:rsidR="003566D1">
        <w:rPr>
          <w:sz w:val="24"/>
          <w:szCs w:val="24"/>
        </w:rPr>
        <w:t xml:space="preserve">This lack of certainty when desiring returns on one’s investment indicates the </w:t>
      </w:r>
      <w:r w:rsidR="009F4F1C">
        <w:rPr>
          <w:sz w:val="24"/>
          <w:szCs w:val="24"/>
        </w:rPr>
        <w:t>dire need for some sort</w:t>
      </w:r>
      <w:r w:rsidR="004566A8">
        <w:rPr>
          <w:sz w:val="24"/>
          <w:szCs w:val="24"/>
        </w:rPr>
        <w:t xml:space="preserve"> guiding agent, to </w:t>
      </w:r>
      <w:r w:rsidR="00EA56A6">
        <w:rPr>
          <w:sz w:val="24"/>
          <w:szCs w:val="24"/>
        </w:rPr>
        <w:t>inform invertors</w:t>
      </w:r>
      <w:r w:rsidR="009C0178">
        <w:rPr>
          <w:sz w:val="24"/>
          <w:szCs w:val="24"/>
        </w:rPr>
        <w:t>, both beginners and seasoned sector veterans</w:t>
      </w:r>
      <w:r w:rsidR="00A33DDD">
        <w:rPr>
          <w:sz w:val="24"/>
          <w:szCs w:val="24"/>
        </w:rPr>
        <w:t>.</w:t>
      </w:r>
    </w:p>
    <w:p w14:paraId="30457831" w14:textId="2F92CE94" w:rsidR="00221295" w:rsidRDefault="002C53B0" w:rsidP="00221295">
      <w:pPr>
        <w:rPr>
          <w:sz w:val="24"/>
          <w:szCs w:val="24"/>
        </w:rPr>
      </w:pPr>
      <w:r>
        <w:t xml:space="preserve"> </w:t>
      </w:r>
      <w:r w:rsidR="00486B98">
        <w:rPr>
          <w:sz w:val="24"/>
          <w:szCs w:val="24"/>
        </w:rPr>
        <w:t>The main commodity that Plutocrat deals in is information</w:t>
      </w:r>
      <w:r w:rsidR="00C4648B">
        <w:rPr>
          <w:sz w:val="24"/>
          <w:szCs w:val="24"/>
        </w:rPr>
        <w:t>.</w:t>
      </w:r>
      <w:r w:rsidR="00B325AB">
        <w:rPr>
          <w:sz w:val="24"/>
          <w:szCs w:val="24"/>
        </w:rPr>
        <w:t xml:space="preserve"> </w:t>
      </w:r>
      <w:r w:rsidR="000B1EB7">
        <w:rPr>
          <w:sz w:val="24"/>
          <w:szCs w:val="24"/>
        </w:rPr>
        <w:t>Its</w:t>
      </w:r>
      <w:r w:rsidR="00B325AB">
        <w:rPr>
          <w:sz w:val="24"/>
          <w:szCs w:val="24"/>
        </w:rPr>
        <w:t xml:space="preserve"> current functionality can be expanded in the future to allow users to more heavily interact with the service. </w:t>
      </w:r>
      <w:r w:rsidR="00A9186A">
        <w:rPr>
          <w:sz w:val="24"/>
          <w:szCs w:val="24"/>
        </w:rPr>
        <w:t>Perhaps</w:t>
      </w:r>
      <w:r w:rsidR="00B325AB">
        <w:rPr>
          <w:sz w:val="24"/>
          <w:szCs w:val="24"/>
        </w:rPr>
        <w:t xml:space="preserve"> facilitating </w:t>
      </w:r>
      <w:r w:rsidR="00AE3C32">
        <w:rPr>
          <w:sz w:val="24"/>
          <w:szCs w:val="24"/>
        </w:rPr>
        <w:t>trading</w:t>
      </w:r>
      <w:r w:rsidR="00DC787C">
        <w:rPr>
          <w:sz w:val="24"/>
          <w:szCs w:val="24"/>
        </w:rPr>
        <w:t xml:space="preserve"> and information transfer</w:t>
      </w:r>
      <w:r w:rsidR="009F3C8D">
        <w:rPr>
          <w:sz w:val="24"/>
          <w:szCs w:val="24"/>
        </w:rPr>
        <w:t xml:space="preserve"> between users. In</w:t>
      </w:r>
      <w:r w:rsidR="00BD6022">
        <w:rPr>
          <w:sz w:val="24"/>
          <w:szCs w:val="24"/>
        </w:rPr>
        <w:t xml:space="preserve">forming and, </w:t>
      </w:r>
      <w:r w:rsidR="00A9186A">
        <w:rPr>
          <w:sz w:val="24"/>
          <w:szCs w:val="24"/>
        </w:rPr>
        <w:t>perhaps</w:t>
      </w:r>
      <w:r w:rsidR="00BD6022">
        <w:rPr>
          <w:sz w:val="24"/>
          <w:szCs w:val="24"/>
        </w:rPr>
        <w:t>, even automating trading</w:t>
      </w:r>
      <w:r w:rsidR="00153FA5">
        <w:rPr>
          <w:sz w:val="24"/>
          <w:szCs w:val="24"/>
        </w:rPr>
        <w:t xml:space="preserve"> in the same manner</w:t>
      </w:r>
      <w:r w:rsidR="007615AE">
        <w:rPr>
          <w:sz w:val="24"/>
          <w:szCs w:val="24"/>
        </w:rPr>
        <w:t xml:space="preserve"> as other platform</w:t>
      </w:r>
      <w:r w:rsidR="00EC0D47">
        <w:rPr>
          <w:sz w:val="24"/>
          <w:szCs w:val="24"/>
        </w:rPr>
        <w:t xml:space="preserve">s such as </w:t>
      </w:r>
      <w:r w:rsidR="00DD2BFF">
        <w:rPr>
          <w:sz w:val="24"/>
          <w:szCs w:val="24"/>
        </w:rPr>
        <w:t>Etoro and Robinhood</w:t>
      </w:r>
      <w:r w:rsidR="0041070B">
        <w:rPr>
          <w:sz w:val="24"/>
          <w:szCs w:val="24"/>
        </w:rPr>
        <w:t>.</w:t>
      </w:r>
      <w:r w:rsidR="00A27F81">
        <w:rPr>
          <w:sz w:val="24"/>
          <w:szCs w:val="24"/>
        </w:rPr>
        <w:t xml:space="preserve"> Such </w:t>
      </w:r>
      <w:r w:rsidR="00BE0745">
        <w:rPr>
          <w:sz w:val="24"/>
          <w:szCs w:val="24"/>
        </w:rPr>
        <w:t>recommendation and trading would take place</w:t>
      </w:r>
      <w:r w:rsidR="00860FAF">
        <w:rPr>
          <w:sz w:val="24"/>
          <w:szCs w:val="24"/>
        </w:rPr>
        <w:t xml:space="preserve"> through</w:t>
      </w:r>
      <w:r w:rsidR="00BB3076">
        <w:rPr>
          <w:sz w:val="24"/>
          <w:szCs w:val="24"/>
        </w:rPr>
        <w:t xml:space="preserve"> the framework of </w:t>
      </w:r>
      <w:r w:rsidR="00253DD5">
        <w:rPr>
          <w:sz w:val="24"/>
          <w:szCs w:val="24"/>
        </w:rPr>
        <w:t>sentiment-based</w:t>
      </w:r>
      <w:r w:rsidR="00BB3076">
        <w:rPr>
          <w:sz w:val="24"/>
          <w:szCs w:val="24"/>
        </w:rPr>
        <w:t xml:space="preserve"> </w:t>
      </w:r>
      <w:r w:rsidR="00253DD5">
        <w:rPr>
          <w:sz w:val="24"/>
          <w:szCs w:val="24"/>
        </w:rPr>
        <w:t>predictions but</w:t>
      </w:r>
      <w:r w:rsidR="00BB3076">
        <w:rPr>
          <w:sz w:val="24"/>
          <w:szCs w:val="24"/>
        </w:rPr>
        <w:t xml:space="preserve"> could be expanded a</w:t>
      </w:r>
      <w:r w:rsidR="00924A94">
        <w:rPr>
          <w:sz w:val="24"/>
          <w:szCs w:val="24"/>
        </w:rPr>
        <w:t>s the service evolves.</w:t>
      </w:r>
      <w:r w:rsidR="00324B62">
        <w:rPr>
          <w:sz w:val="24"/>
          <w:szCs w:val="24"/>
        </w:rPr>
        <w:t xml:space="preserve"> </w:t>
      </w:r>
      <w:r w:rsidR="00FA7533" w:rsidRPr="00CF4AD2">
        <w:rPr>
          <w:sz w:val="24"/>
          <w:szCs w:val="24"/>
        </w:rPr>
        <w:t xml:space="preserve">Currently the </w:t>
      </w:r>
      <w:r w:rsidR="003E02CE" w:rsidRPr="00CF4AD2">
        <w:rPr>
          <w:sz w:val="24"/>
          <w:szCs w:val="24"/>
        </w:rPr>
        <w:t>service would subsist on selling subscriptions</w:t>
      </w:r>
      <w:r w:rsidR="008160EA" w:rsidRPr="00CF4AD2">
        <w:rPr>
          <w:sz w:val="24"/>
          <w:szCs w:val="24"/>
        </w:rPr>
        <w:t xml:space="preserve"> for access to </w:t>
      </w:r>
      <w:r w:rsidR="002D73D8" w:rsidRPr="00CF4AD2">
        <w:rPr>
          <w:sz w:val="24"/>
          <w:szCs w:val="24"/>
        </w:rPr>
        <w:t>predictions</w:t>
      </w:r>
      <w:r w:rsidR="00253DD5" w:rsidRPr="00CF4AD2">
        <w:rPr>
          <w:sz w:val="24"/>
          <w:szCs w:val="24"/>
        </w:rPr>
        <w:t>.</w:t>
      </w:r>
      <w:r w:rsidR="00517270" w:rsidRPr="00CF4AD2">
        <w:rPr>
          <w:sz w:val="24"/>
          <w:szCs w:val="24"/>
        </w:rPr>
        <w:t xml:space="preserve"> I</w:t>
      </w:r>
      <w:r w:rsidR="00F47494" w:rsidRPr="00CF4AD2">
        <w:rPr>
          <w:sz w:val="24"/>
          <w:szCs w:val="24"/>
        </w:rPr>
        <w:t>t is easy</w:t>
      </w:r>
      <w:r w:rsidR="00CA0A07" w:rsidRPr="00CF4AD2">
        <w:rPr>
          <w:sz w:val="24"/>
          <w:szCs w:val="24"/>
        </w:rPr>
        <w:t xml:space="preserve"> to analyse the cause of a certa</w:t>
      </w:r>
      <w:r w:rsidR="00675BD1" w:rsidRPr="00CF4AD2">
        <w:rPr>
          <w:sz w:val="24"/>
          <w:szCs w:val="24"/>
        </w:rPr>
        <w:t xml:space="preserve">in economic event after it has already </w:t>
      </w:r>
      <w:r w:rsidR="002E15D3" w:rsidRPr="00CF4AD2">
        <w:rPr>
          <w:sz w:val="24"/>
          <w:szCs w:val="24"/>
        </w:rPr>
        <w:t xml:space="preserve">occurred, </w:t>
      </w:r>
      <w:r w:rsidR="00BE701E" w:rsidRPr="00CF4AD2">
        <w:rPr>
          <w:sz w:val="24"/>
          <w:szCs w:val="24"/>
        </w:rPr>
        <w:t>after all opportunity to profit</w:t>
      </w:r>
      <w:r w:rsidR="00EE4A37" w:rsidRPr="00CF4AD2">
        <w:rPr>
          <w:sz w:val="24"/>
          <w:szCs w:val="24"/>
        </w:rPr>
        <w:t xml:space="preserve"> from it had evaporated. If</w:t>
      </w:r>
      <w:r w:rsidR="00CC176A" w:rsidRPr="00CF4AD2">
        <w:rPr>
          <w:sz w:val="24"/>
          <w:szCs w:val="24"/>
        </w:rPr>
        <w:t xml:space="preserve"> Plu</w:t>
      </w:r>
      <w:r w:rsidR="00E7483D" w:rsidRPr="00CF4AD2">
        <w:rPr>
          <w:sz w:val="24"/>
          <w:szCs w:val="24"/>
        </w:rPr>
        <w:t>tocrat</w:t>
      </w:r>
      <w:r w:rsidR="006864E1" w:rsidRPr="00CF4AD2">
        <w:rPr>
          <w:sz w:val="24"/>
          <w:szCs w:val="24"/>
        </w:rPr>
        <w:t xml:space="preserve"> can provide any clarity</w:t>
      </w:r>
      <w:r w:rsidR="007F1F86" w:rsidRPr="00CF4AD2">
        <w:rPr>
          <w:sz w:val="24"/>
          <w:szCs w:val="24"/>
        </w:rPr>
        <w:t xml:space="preserve"> in predicting</w:t>
      </w:r>
      <w:r w:rsidR="008D1B3B" w:rsidRPr="00CF4AD2">
        <w:rPr>
          <w:sz w:val="24"/>
          <w:szCs w:val="24"/>
        </w:rPr>
        <w:t xml:space="preserve"> these events before</w:t>
      </w:r>
      <w:r w:rsidR="00223CCF" w:rsidRPr="00CF4AD2">
        <w:rPr>
          <w:sz w:val="24"/>
          <w:szCs w:val="24"/>
        </w:rPr>
        <w:t xml:space="preserve"> they happen</w:t>
      </w:r>
      <w:r w:rsidR="00AF5711" w:rsidRPr="00CF4AD2">
        <w:rPr>
          <w:sz w:val="24"/>
          <w:szCs w:val="24"/>
        </w:rPr>
        <w:t xml:space="preserve">, it’ll certainly become a lucrative venture for all of </w:t>
      </w:r>
      <w:r w:rsidR="00DD32F3" w:rsidRPr="00CF4AD2">
        <w:rPr>
          <w:sz w:val="24"/>
          <w:szCs w:val="24"/>
        </w:rPr>
        <w:t>its</w:t>
      </w:r>
      <w:r w:rsidR="00AF5711" w:rsidRPr="00CF4AD2">
        <w:rPr>
          <w:sz w:val="24"/>
          <w:szCs w:val="24"/>
        </w:rPr>
        <w:t xml:space="preserve"> users</w:t>
      </w:r>
      <w:r w:rsidR="00CF4AD2" w:rsidRPr="00CF4AD2">
        <w:rPr>
          <w:sz w:val="24"/>
          <w:szCs w:val="24"/>
        </w:rPr>
        <w:t xml:space="preserve"> and owners</w:t>
      </w:r>
      <w:r w:rsidR="00AF5711" w:rsidRPr="00CF4AD2">
        <w:rPr>
          <w:sz w:val="24"/>
          <w:szCs w:val="24"/>
        </w:rPr>
        <w:t>.</w:t>
      </w:r>
    </w:p>
    <w:p w14:paraId="27BA1751" w14:textId="291D4D67" w:rsidR="00FD41C6" w:rsidRDefault="00FD41C6" w:rsidP="00221295">
      <w:pPr>
        <w:rPr>
          <w:sz w:val="24"/>
          <w:szCs w:val="24"/>
        </w:rPr>
      </w:pPr>
    </w:p>
    <w:p w14:paraId="642F2D20" w14:textId="00E3141F" w:rsidR="00FD41C6" w:rsidRDefault="00FD41C6" w:rsidP="00221295">
      <w:pPr>
        <w:rPr>
          <w:sz w:val="24"/>
          <w:szCs w:val="24"/>
        </w:rPr>
      </w:pPr>
    </w:p>
    <w:p w14:paraId="2287A787" w14:textId="4932BDB6" w:rsidR="00FD41C6" w:rsidRDefault="00FD41C6" w:rsidP="00221295">
      <w:pPr>
        <w:rPr>
          <w:sz w:val="24"/>
          <w:szCs w:val="24"/>
        </w:rPr>
      </w:pPr>
    </w:p>
    <w:p w14:paraId="3AA4C207" w14:textId="5DB44CAD" w:rsidR="00FD41C6" w:rsidRDefault="00FD41C6" w:rsidP="00221295">
      <w:pPr>
        <w:rPr>
          <w:sz w:val="24"/>
          <w:szCs w:val="24"/>
        </w:rPr>
      </w:pPr>
    </w:p>
    <w:p w14:paraId="68EE6349" w14:textId="1C63CA94" w:rsidR="00FD41C6" w:rsidRDefault="00FD41C6" w:rsidP="00221295">
      <w:pPr>
        <w:rPr>
          <w:sz w:val="24"/>
          <w:szCs w:val="24"/>
        </w:rPr>
      </w:pPr>
    </w:p>
    <w:p w14:paraId="3B5F4830" w14:textId="77777777" w:rsidR="00FD41C6" w:rsidRPr="00FD41C6" w:rsidRDefault="00FD41C6" w:rsidP="00221295">
      <w:pPr>
        <w:rPr>
          <w:sz w:val="24"/>
          <w:szCs w:val="24"/>
        </w:rPr>
      </w:pPr>
    </w:p>
    <w:p w14:paraId="38EC5A0A" w14:textId="7B8907B9" w:rsidR="00CF4AD2" w:rsidRDefault="00D34A48" w:rsidP="00BE2BC0">
      <w:pPr>
        <w:pStyle w:val="Heading1"/>
      </w:pPr>
      <w:r>
        <w:lastRenderedPageBreak/>
        <w:t>Requirements</w:t>
      </w:r>
      <w:r w:rsidR="00BE2BC0">
        <w:t xml:space="preserve"> Capture Analysis</w:t>
      </w:r>
    </w:p>
    <w:p w14:paraId="7745A54C" w14:textId="2156ACA5" w:rsidR="00D34A48" w:rsidRPr="007D16B7" w:rsidRDefault="00DF527C" w:rsidP="00D34A48">
      <w:pPr>
        <w:rPr>
          <w:sz w:val="24"/>
          <w:szCs w:val="24"/>
        </w:rPr>
      </w:pPr>
      <w:r w:rsidRPr="007D16B7">
        <w:rPr>
          <w:sz w:val="24"/>
          <w:szCs w:val="24"/>
        </w:rPr>
        <w:t>The only business actor is the user.</w:t>
      </w:r>
    </w:p>
    <w:p w14:paraId="1529ECCB" w14:textId="2CED54E6" w:rsidR="00772409" w:rsidRPr="007D16B7" w:rsidRDefault="00F4599B" w:rsidP="00D34A48">
      <w:pPr>
        <w:rPr>
          <w:sz w:val="24"/>
          <w:szCs w:val="24"/>
        </w:rPr>
      </w:pPr>
      <w:r w:rsidRPr="007D16B7">
        <w:rPr>
          <w:sz w:val="24"/>
          <w:szCs w:val="24"/>
        </w:rPr>
        <w:t xml:space="preserve">Everyone that visits </w:t>
      </w:r>
      <w:r w:rsidR="00447CB4" w:rsidRPr="007D16B7">
        <w:rPr>
          <w:sz w:val="24"/>
          <w:szCs w:val="24"/>
        </w:rPr>
        <w:t>the website</w:t>
      </w:r>
      <w:r w:rsidR="0006508F" w:rsidRPr="007D16B7">
        <w:rPr>
          <w:sz w:val="24"/>
          <w:szCs w:val="24"/>
        </w:rPr>
        <w:t xml:space="preserve"> in its current form</w:t>
      </w:r>
      <w:r w:rsidR="001C09E7" w:rsidRPr="007D16B7">
        <w:rPr>
          <w:sz w:val="24"/>
          <w:szCs w:val="24"/>
        </w:rPr>
        <w:t xml:space="preserve">, or signs up for a </w:t>
      </w:r>
      <w:r w:rsidR="0027564D" w:rsidRPr="007D16B7">
        <w:rPr>
          <w:sz w:val="24"/>
          <w:szCs w:val="24"/>
        </w:rPr>
        <w:t>subscription</w:t>
      </w:r>
      <w:r w:rsidR="00F92389" w:rsidRPr="007D16B7">
        <w:rPr>
          <w:sz w:val="24"/>
          <w:szCs w:val="24"/>
        </w:rPr>
        <w:t xml:space="preserve"> in future versions, tak</w:t>
      </w:r>
      <w:r w:rsidR="0027564D" w:rsidRPr="007D16B7">
        <w:rPr>
          <w:sz w:val="24"/>
          <w:szCs w:val="24"/>
        </w:rPr>
        <w:t>es on a user role.</w:t>
      </w:r>
      <w:r w:rsidR="003E1F48" w:rsidRPr="007D16B7">
        <w:rPr>
          <w:sz w:val="24"/>
          <w:szCs w:val="24"/>
        </w:rPr>
        <w:t xml:space="preserve"> All users can perform</w:t>
      </w:r>
      <w:r w:rsidR="00A00F8B" w:rsidRPr="007D16B7">
        <w:rPr>
          <w:sz w:val="24"/>
          <w:szCs w:val="24"/>
        </w:rPr>
        <w:t xml:space="preserve"> the same actions and view the same data.</w:t>
      </w:r>
      <w:r w:rsidR="00335153" w:rsidRPr="007D16B7">
        <w:rPr>
          <w:sz w:val="24"/>
          <w:szCs w:val="24"/>
        </w:rPr>
        <w:t xml:space="preserve"> </w:t>
      </w:r>
      <w:r w:rsidR="00E177F2" w:rsidRPr="007D16B7">
        <w:rPr>
          <w:sz w:val="24"/>
          <w:szCs w:val="24"/>
        </w:rPr>
        <w:t>Studying investment texts and news sites has provided a clear idea of what information would be valuable to the end user</w:t>
      </w:r>
      <w:r w:rsidR="00734000" w:rsidRPr="007D16B7">
        <w:rPr>
          <w:sz w:val="24"/>
          <w:szCs w:val="24"/>
        </w:rPr>
        <w:t xml:space="preserve">. </w:t>
      </w:r>
      <w:r w:rsidR="00A20ACE" w:rsidRPr="007D16B7">
        <w:rPr>
          <w:sz w:val="24"/>
          <w:szCs w:val="24"/>
        </w:rPr>
        <w:t xml:space="preserve">All pointed to the Adjusted Close price of a </w:t>
      </w:r>
      <w:r w:rsidR="008252C9" w:rsidRPr="007D16B7">
        <w:rPr>
          <w:sz w:val="24"/>
          <w:szCs w:val="24"/>
        </w:rPr>
        <w:t xml:space="preserve">share to be the most valuable </w:t>
      </w:r>
      <w:r w:rsidR="007D16B7" w:rsidRPr="007D16B7">
        <w:rPr>
          <w:sz w:val="24"/>
          <w:szCs w:val="24"/>
        </w:rPr>
        <w:t>piece</w:t>
      </w:r>
      <w:r w:rsidR="008252C9" w:rsidRPr="007D16B7">
        <w:rPr>
          <w:sz w:val="24"/>
          <w:szCs w:val="24"/>
        </w:rPr>
        <w:t xml:space="preserve"> of information over time, as it compensates for the </w:t>
      </w:r>
      <w:r w:rsidR="007D16B7" w:rsidRPr="007D16B7">
        <w:rPr>
          <w:sz w:val="24"/>
          <w:szCs w:val="24"/>
        </w:rPr>
        <w:t>apparent</w:t>
      </w:r>
      <w:r w:rsidR="00A41F58" w:rsidRPr="007D16B7">
        <w:rPr>
          <w:sz w:val="24"/>
          <w:szCs w:val="24"/>
        </w:rPr>
        <w:t xml:space="preserve"> “drop” in value that shares experience when a company decides to perform stock splitting. Any</w:t>
      </w:r>
      <w:r w:rsidR="00250991" w:rsidRPr="007D16B7">
        <w:rPr>
          <w:sz w:val="24"/>
          <w:szCs w:val="24"/>
        </w:rPr>
        <w:t xml:space="preserve"> other metric may cause the system to become </w:t>
      </w:r>
      <w:r w:rsidR="007D16B7" w:rsidRPr="007D16B7">
        <w:rPr>
          <w:sz w:val="24"/>
          <w:szCs w:val="24"/>
        </w:rPr>
        <w:t>confused and</w:t>
      </w:r>
      <w:r w:rsidR="00250991" w:rsidRPr="007D16B7">
        <w:rPr>
          <w:sz w:val="24"/>
          <w:szCs w:val="24"/>
        </w:rPr>
        <w:t xml:space="preserve"> recommend that users</w:t>
      </w:r>
      <w:r w:rsidR="00795022" w:rsidRPr="007D16B7">
        <w:rPr>
          <w:sz w:val="24"/>
          <w:szCs w:val="24"/>
        </w:rPr>
        <w:t xml:space="preserve"> sell their ownership when a spit is eminent, when </w:t>
      </w:r>
      <w:r w:rsidR="007D16B7" w:rsidRPr="007D16B7">
        <w:rPr>
          <w:sz w:val="24"/>
          <w:szCs w:val="24"/>
        </w:rPr>
        <w:t>this usually occurs when a company is doing quite well.</w:t>
      </w:r>
    </w:p>
    <w:p w14:paraId="27DEB853" w14:textId="7FF2AF01" w:rsidR="007D16B7" w:rsidRDefault="007D16B7" w:rsidP="00D34A48"/>
    <w:p w14:paraId="1C30C688" w14:textId="163D1684" w:rsidR="006F7151" w:rsidRDefault="006F7151" w:rsidP="00D34A48"/>
    <w:p w14:paraId="409587E4" w14:textId="438B09AC" w:rsidR="006F7151" w:rsidRDefault="006F7151" w:rsidP="00D34A48"/>
    <w:p w14:paraId="47FEEF24" w14:textId="1A2901E3" w:rsidR="006F7151" w:rsidRDefault="006F7151" w:rsidP="00D34A48"/>
    <w:p w14:paraId="323A11B8" w14:textId="78C698C8" w:rsidR="006F7151" w:rsidRDefault="006F7151" w:rsidP="00D34A48"/>
    <w:p w14:paraId="75E021CC" w14:textId="327D73BD" w:rsidR="006F7151" w:rsidRDefault="006F7151" w:rsidP="00D34A48"/>
    <w:p w14:paraId="11CDF168" w14:textId="24B2CACC" w:rsidR="006F7151" w:rsidRDefault="006F7151" w:rsidP="00D34A48"/>
    <w:p w14:paraId="7A1AA76F" w14:textId="6B96376C" w:rsidR="006F7151" w:rsidRDefault="006F7151" w:rsidP="00D34A48"/>
    <w:p w14:paraId="7CD90BDD" w14:textId="2DA91133" w:rsidR="006F7151" w:rsidRDefault="006F7151" w:rsidP="00D34A48"/>
    <w:p w14:paraId="4A05AB5E" w14:textId="568C06D2" w:rsidR="006F7151" w:rsidRDefault="006F7151" w:rsidP="00D34A48"/>
    <w:p w14:paraId="54EE7FAD" w14:textId="5CA5046F" w:rsidR="006F7151" w:rsidRDefault="006F7151" w:rsidP="00D34A48"/>
    <w:p w14:paraId="41A80871" w14:textId="6658A307" w:rsidR="006F7151" w:rsidRDefault="006F7151" w:rsidP="00D34A48"/>
    <w:p w14:paraId="7173246C" w14:textId="69493E1D" w:rsidR="006F7151" w:rsidRDefault="006F7151" w:rsidP="00D34A48"/>
    <w:p w14:paraId="39E0DA8B" w14:textId="022CD194" w:rsidR="006F7151" w:rsidRDefault="006F7151" w:rsidP="00D34A48"/>
    <w:p w14:paraId="0C70CE65" w14:textId="5EAAB1F0" w:rsidR="006F7151" w:rsidRDefault="006F7151" w:rsidP="00D34A48"/>
    <w:p w14:paraId="55792C54" w14:textId="24A66F81" w:rsidR="006F7151" w:rsidRDefault="006F7151" w:rsidP="00D34A48"/>
    <w:p w14:paraId="20106B4D" w14:textId="30F12EBB" w:rsidR="006F7151" w:rsidRDefault="006F7151" w:rsidP="00D34A48"/>
    <w:p w14:paraId="2F9A99E5" w14:textId="590EB77D" w:rsidR="006F7151" w:rsidRDefault="006F7151" w:rsidP="00D34A48"/>
    <w:p w14:paraId="24A21353" w14:textId="78CC139E" w:rsidR="006F7151" w:rsidRDefault="006F7151" w:rsidP="00D34A48"/>
    <w:p w14:paraId="31252F19" w14:textId="0AB5DB88" w:rsidR="006F7151" w:rsidRDefault="006F7151" w:rsidP="007D16B7">
      <w:pPr>
        <w:pStyle w:val="Heading1"/>
      </w:pPr>
    </w:p>
    <w:p w14:paraId="7DB39E2F" w14:textId="77777777" w:rsidR="006F7151" w:rsidRPr="006F7151" w:rsidRDefault="006F7151" w:rsidP="006F7151"/>
    <w:p w14:paraId="038CE764" w14:textId="5634581D" w:rsidR="007D16B7" w:rsidRDefault="007D16B7" w:rsidP="007D16B7">
      <w:pPr>
        <w:pStyle w:val="Heading1"/>
      </w:pPr>
      <w:r>
        <w:lastRenderedPageBreak/>
        <w:t>User Use Case Diagram</w:t>
      </w:r>
    </w:p>
    <w:p w14:paraId="56B1F216" w14:textId="77777777" w:rsidR="007D16B7" w:rsidRPr="007D16B7" w:rsidRDefault="007D16B7" w:rsidP="007D16B7"/>
    <w:p w14:paraId="1A94A3C8" w14:textId="1B8D4987" w:rsidR="006F7151" w:rsidRDefault="006F7151" w:rsidP="00A60346">
      <w:r>
        <w:rPr>
          <w:noProof/>
        </w:rPr>
        <w:drawing>
          <wp:inline distT="0" distB="0" distL="0" distR="0" wp14:anchorId="41C05D2D" wp14:editId="533B2433">
            <wp:extent cx="6316980" cy="7818120"/>
            <wp:effectExtent l="0" t="0" r="762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6316980" cy="7818120"/>
                    </a:xfrm>
                    <a:prstGeom prst="rect">
                      <a:avLst/>
                    </a:prstGeom>
                    <a:noFill/>
                    <a:ln>
                      <a:noFill/>
                    </a:ln>
                  </pic:spPr>
                </pic:pic>
              </a:graphicData>
            </a:graphic>
          </wp:inline>
        </w:drawing>
      </w:r>
    </w:p>
    <w:p w14:paraId="0F4083A8" w14:textId="6EC8709A" w:rsidR="00812805" w:rsidRDefault="00812805" w:rsidP="00812805">
      <w:pPr>
        <w:pStyle w:val="Heading1"/>
      </w:pPr>
      <w:r>
        <w:lastRenderedPageBreak/>
        <w:t>Functional Requirements</w:t>
      </w:r>
    </w:p>
    <w:tbl>
      <w:tblPr>
        <w:tblStyle w:val="TableGrid"/>
        <w:tblW w:w="9912" w:type="dxa"/>
        <w:tblInd w:w="-448" w:type="dxa"/>
        <w:tblLook w:val="04A0" w:firstRow="1" w:lastRow="0" w:firstColumn="1" w:lastColumn="0" w:noHBand="0" w:noVBand="1"/>
      </w:tblPr>
      <w:tblGrid>
        <w:gridCol w:w="2144"/>
        <w:gridCol w:w="1985"/>
        <w:gridCol w:w="2551"/>
        <w:gridCol w:w="3232"/>
      </w:tblGrid>
      <w:tr w:rsidR="00826392" w14:paraId="29988D12" w14:textId="77777777" w:rsidTr="00942BED">
        <w:trPr>
          <w:trHeight w:val="347"/>
        </w:trPr>
        <w:tc>
          <w:tcPr>
            <w:tcW w:w="2144" w:type="dxa"/>
          </w:tcPr>
          <w:p w14:paraId="146E7868" w14:textId="33AA89EE" w:rsidR="00826392" w:rsidRPr="00AB409F" w:rsidRDefault="00826392" w:rsidP="00A020EF">
            <w:pPr>
              <w:rPr>
                <w:b/>
                <w:bCs/>
                <w:sz w:val="24"/>
                <w:szCs w:val="24"/>
              </w:rPr>
            </w:pPr>
            <w:r>
              <w:rPr>
                <w:b/>
                <w:bCs/>
                <w:sz w:val="24"/>
                <w:szCs w:val="24"/>
              </w:rPr>
              <w:t>Section/Layer</w:t>
            </w:r>
          </w:p>
        </w:tc>
        <w:tc>
          <w:tcPr>
            <w:tcW w:w="1985" w:type="dxa"/>
          </w:tcPr>
          <w:p w14:paraId="09AC1322" w14:textId="03D4C3F6" w:rsidR="00826392" w:rsidRPr="00AB409F" w:rsidRDefault="00826392" w:rsidP="00A020EF">
            <w:pPr>
              <w:rPr>
                <w:b/>
                <w:bCs/>
                <w:sz w:val="24"/>
                <w:szCs w:val="24"/>
              </w:rPr>
            </w:pPr>
            <w:r w:rsidRPr="00AB409F">
              <w:rPr>
                <w:b/>
                <w:bCs/>
                <w:sz w:val="24"/>
                <w:szCs w:val="24"/>
              </w:rPr>
              <w:t>Title</w:t>
            </w:r>
          </w:p>
        </w:tc>
        <w:tc>
          <w:tcPr>
            <w:tcW w:w="2551" w:type="dxa"/>
          </w:tcPr>
          <w:p w14:paraId="2966BF58" w14:textId="143B2838" w:rsidR="00826392" w:rsidRPr="00AB409F" w:rsidRDefault="00826392" w:rsidP="00A020EF">
            <w:pPr>
              <w:rPr>
                <w:b/>
                <w:bCs/>
                <w:sz w:val="24"/>
                <w:szCs w:val="24"/>
              </w:rPr>
            </w:pPr>
            <w:r>
              <w:rPr>
                <w:b/>
                <w:bCs/>
                <w:sz w:val="24"/>
                <w:szCs w:val="24"/>
              </w:rPr>
              <w:t>Requirement</w:t>
            </w:r>
          </w:p>
        </w:tc>
        <w:tc>
          <w:tcPr>
            <w:tcW w:w="3232" w:type="dxa"/>
          </w:tcPr>
          <w:p w14:paraId="65C74B17" w14:textId="60825556" w:rsidR="00826392" w:rsidRPr="00AB409F" w:rsidRDefault="00826392" w:rsidP="00A020EF">
            <w:pPr>
              <w:rPr>
                <w:b/>
                <w:bCs/>
                <w:sz w:val="24"/>
                <w:szCs w:val="24"/>
              </w:rPr>
            </w:pPr>
            <w:r>
              <w:rPr>
                <w:b/>
                <w:bCs/>
                <w:sz w:val="24"/>
                <w:szCs w:val="24"/>
              </w:rPr>
              <w:t>Justification</w:t>
            </w:r>
          </w:p>
        </w:tc>
      </w:tr>
      <w:tr w:rsidR="00826392" w14:paraId="45C612F4" w14:textId="77777777" w:rsidTr="00970368">
        <w:trPr>
          <w:trHeight w:val="1192"/>
        </w:trPr>
        <w:tc>
          <w:tcPr>
            <w:tcW w:w="2144" w:type="dxa"/>
          </w:tcPr>
          <w:p w14:paraId="1A1EAA55" w14:textId="2F798AA3" w:rsidR="00826392" w:rsidRDefault="00E81A41" w:rsidP="00A020EF">
            <w:pPr>
              <w:rPr>
                <w:sz w:val="24"/>
                <w:szCs w:val="24"/>
              </w:rPr>
            </w:pPr>
            <w:r>
              <w:rPr>
                <w:sz w:val="24"/>
                <w:szCs w:val="24"/>
              </w:rPr>
              <w:t>Web layer</w:t>
            </w:r>
          </w:p>
        </w:tc>
        <w:tc>
          <w:tcPr>
            <w:tcW w:w="1985" w:type="dxa"/>
          </w:tcPr>
          <w:p w14:paraId="368C1866" w14:textId="0D5F3FC9" w:rsidR="00826392" w:rsidRDefault="00826392" w:rsidP="00A020EF">
            <w:pPr>
              <w:rPr>
                <w:sz w:val="24"/>
                <w:szCs w:val="24"/>
              </w:rPr>
            </w:pPr>
            <w:r>
              <w:rPr>
                <w:sz w:val="24"/>
                <w:szCs w:val="24"/>
              </w:rPr>
              <w:t>User Login</w:t>
            </w:r>
          </w:p>
        </w:tc>
        <w:tc>
          <w:tcPr>
            <w:tcW w:w="2551" w:type="dxa"/>
          </w:tcPr>
          <w:p w14:paraId="3790D8A6" w14:textId="41E4724E" w:rsidR="00826392" w:rsidRDefault="00826392" w:rsidP="00A020EF">
            <w:pPr>
              <w:rPr>
                <w:sz w:val="24"/>
                <w:szCs w:val="24"/>
              </w:rPr>
            </w:pPr>
            <w:r>
              <w:rPr>
                <w:sz w:val="24"/>
                <w:szCs w:val="24"/>
              </w:rPr>
              <w:t>User must have valid account</w:t>
            </w:r>
          </w:p>
        </w:tc>
        <w:tc>
          <w:tcPr>
            <w:tcW w:w="3232" w:type="dxa"/>
          </w:tcPr>
          <w:p w14:paraId="4AD418BE" w14:textId="1A5E30F8" w:rsidR="00826392" w:rsidRDefault="00826392" w:rsidP="00A020EF">
            <w:pPr>
              <w:rPr>
                <w:sz w:val="24"/>
                <w:szCs w:val="24"/>
              </w:rPr>
            </w:pPr>
            <w:r>
              <w:rPr>
                <w:sz w:val="24"/>
                <w:szCs w:val="24"/>
              </w:rPr>
              <w:t>Security.</w:t>
            </w:r>
            <w:r>
              <w:rPr>
                <w:sz w:val="24"/>
                <w:szCs w:val="24"/>
              </w:rPr>
              <w:br/>
              <w:t>Subscriptions is how profit would be made in future versions</w:t>
            </w:r>
          </w:p>
        </w:tc>
      </w:tr>
      <w:tr w:rsidR="00826392" w14:paraId="7008897F" w14:textId="77777777" w:rsidTr="00942BED">
        <w:trPr>
          <w:trHeight w:val="347"/>
        </w:trPr>
        <w:tc>
          <w:tcPr>
            <w:tcW w:w="2144" w:type="dxa"/>
          </w:tcPr>
          <w:p w14:paraId="4A2F3A67" w14:textId="76481D34" w:rsidR="00826392" w:rsidRDefault="00E81A41" w:rsidP="00A020EF">
            <w:pPr>
              <w:rPr>
                <w:sz w:val="24"/>
                <w:szCs w:val="24"/>
              </w:rPr>
            </w:pPr>
            <w:r>
              <w:rPr>
                <w:sz w:val="24"/>
                <w:szCs w:val="24"/>
              </w:rPr>
              <w:t>Web layer</w:t>
            </w:r>
          </w:p>
        </w:tc>
        <w:tc>
          <w:tcPr>
            <w:tcW w:w="1985" w:type="dxa"/>
          </w:tcPr>
          <w:p w14:paraId="45EFE996" w14:textId="76D450DE" w:rsidR="00826392" w:rsidRDefault="00826392" w:rsidP="00A020EF">
            <w:pPr>
              <w:rPr>
                <w:sz w:val="24"/>
                <w:szCs w:val="24"/>
              </w:rPr>
            </w:pPr>
            <w:r>
              <w:rPr>
                <w:sz w:val="24"/>
                <w:szCs w:val="24"/>
              </w:rPr>
              <w:t>Create Account</w:t>
            </w:r>
          </w:p>
        </w:tc>
        <w:tc>
          <w:tcPr>
            <w:tcW w:w="2551" w:type="dxa"/>
          </w:tcPr>
          <w:p w14:paraId="1FE0EFD1" w14:textId="1CDD2B08" w:rsidR="00826392" w:rsidRDefault="00826392" w:rsidP="00A020EF">
            <w:pPr>
              <w:rPr>
                <w:sz w:val="24"/>
                <w:szCs w:val="24"/>
              </w:rPr>
            </w:pPr>
            <w:r>
              <w:rPr>
                <w:sz w:val="24"/>
                <w:szCs w:val="24"/>
              </w:rPr>
              <w:t>Allow the user to create a new account on the website</w:t>
            </w:r>
          </w:p>
        </w:tc>
        <w:tc>
          <w:tcPr>
            <w:tcW w:w="3232" w:type="dxa"/>
          </w:tcPr>
          <w:p w14:paraId="135CF3FA" w14:textId="222CD64C" w:rsidR="00826392" w:rsidRDefault="00826392" w:rsidP="00A020EF">
            <w:pPr>
              <w:rPr>
                <w:sz w:val="24"/>
                <w:szCs w:val="24"/>
              </w:rPr>
            </w:pPr>
            <w:r>
              <w:rPr>
                <w:sz w:val="24"/>
                <w:szCs w:val="24"/>
              </w:rPr>
              <w:t>Allows a new user to subscribe to the website and contribute to its traffic.</w:t>
            </w:r>
          </w:p>
        </w:tc>
      </w:tr>
      <w:tr w:rsidR="00826392" w14:paraId="374B0528" w14:textId="77777777" w:rsidTr="00942BED">
        <w:trPr>
          <w:trHeight w:val="347"/>
        </w:trPr>
        <w:tc>
          <w:tcPr>
            <w:tcW w:w="2144" w:type="dxa"/>
          </w:tcPr>
          <w:p w14:paraId="172BF1D4" w14:textId="47955A3D" w:rsidR="00826392" w:rsidRDefault="00E81A41" w:rsidP="00A020EF">
            <w:pPr>
              <w:rPr>
                <w:sz w:val="24"/>
                <w:szCs w:val="24"/>
              </w:rPr>
            </w:pPr>
            <w:r>
              <w:rPr>
                <w:sz w:val="24"/>
                <w:szCs w:val="24"/>
              </w:rPr>
              <w:t>Web layer</w:t>
            </w:r>
          </w:p>
        </w:tc>
        <w:tc>
          <w:tcPr>
            <w:tcW w:w="1985" w:type="dxa"/>
          </w:tcPr>
          <w:p w14:paraId="218DA1DA" w14:textId="3B647010" w:rsidR="00826392" w:rsidRDefault="00826392" w:rsidP="00A020EF">
            <w:pPr>
              <w:rPr>
                <w:sz w:val="24"/>
                <w:szCs w:val="24"/>
              </w:rPr>
            </w:pPr>
            <w:r>
              <w:rPr>
                <w:sz w:val="24"/>
                <w:szCs w:val="24"/>
              </w:rPr>
              <w:t>Logout</w:t>
            </w:r>
          </w:p>
        </w:tc>
        <w:tc>
          <w:tcPr>
            <w:tcW w:w="2551" w:type="dxa"/>
          </w:tcPr>
          <w:p w14:paraId="5186F84B" w14:textId="7D756CD5" w:rsidR="00826392" w:rsidRDefault="00826392" w:rsidP="00A020EF">
            <w:pPr>
              <w:rPr>
                <w:sz w:val="24"/>
                <w:szCs w:val="24"/>
              </w:rPr>
            </w:pPr>
            <w:r>
              <w:rPr>
                <w:sz w:val="24"/>
                <w:szCs w:val="24"/>
              </w:rPr>
              <w:t>Allow the user to logout when their session is over.</w:t>
            </w:r>
          </w:p>
        </w:tc>
        <w:tc>
          <w:tcPr>
            <w:tcW w:w="3232" w:type="dxa"/>
          </w:tcPr>
          <w:p w14:paraId="41F035C1" w14:textId="563F3238" w:rsidR="00826392" w:rsidRDefault="00826392" w:rsidP="00A020EF">
            <w:pPr>
              <w:rPr>
                <w:sz w:val="24"/>
                <w:szCs w:val="24"/>
              </w:rPr>
            </w:pPr>
            <w:r>
              <w:rPr>
                <w:sz w:val="24"/>
                <w:szCs w:val="24"/>
              </w:rPr>
              <w:t>Reduces the amount of inactive connections to the server at any one time.</w:t>
            </w:r>
          </w:p>
        </w:tc>
      </w:tr>
      <w:tr w:rsidR="00826392" w14:paraId="725B6358" w14:textId="77777777" w:rsidTr="00942BED">
        <w:trPr>
          <w:trHeight w:val="362"/>
        </w:trPr>
        <w:tc>
          <w:tcPr>
            <w:tcW w:w="2144" w:type="dxa"/>
          </w:tcPr>
          <w:p w14:paraId="69378CBD" w14:textId="47B3A3DC" w:rsidR="00826392" w:rsidRDefault="00E81A41" w:rsidP="00A020EF">
            <w:pPr>
              <w:rPr>
                <w:sz w:val="24"/>
                <w:szCs w:val="24"/>
              </w:rPr>
            </w:pPr>
            <w:r>
              <w:rPr>
                <w:sz w:val="24"/>
                <w:szCs w:val="24"/>
              </w:rPr>
              <w:t>Web layer</w:t>
            </w:r>
          </w:p>
        </w:tc>
        <w:tc>
          <w:tcPr>
            <w:tcW w:w="1985" w:type="dxa"/>
          </w:tcPr>
          <w:p w14:paraId="2EA6384E" w14:textId="578D77BE" w:rsidR="00826392" w:rsidRDefault="00826392" w:rsidP="00A020EF">
            <w:pPr>
              <w:rPr>
                <w:sz w:val="24"/>
                <w:szCs w:val="24"/>
              </w:rPr>
            </w:pPr>
            <w:r>
              <w:rPr>
                <w:sz w:val="24"/>
                <w:szCs w:val="24"/>
              </w:rPr>
              <w:t>Show Companies</w:t>
            </w:r>
          </w:p>
        </w:tc>
        <w:tc>
          <w:tcPr>
            <w:tcW w:w="2551" w:type="dxa"/>
          </w:tcPr>
          <w:p w14:paraId="39CAE373" w14:textId="1E7EB1BD" w:rsidR="00826392" w:rsidRDefault="00826392" w:rsidP="00A020EF">
            <w:pPr>
              <w:rPr>
                <w:sz w:val="24"/>
                <w:szCs w:val="24"/>
              </w:rPr>
            </w:pPr>
            <w:r>
              <w:rPr>
                <w:sz w:val="24"/>
                <w:szCs w:val="24"/>
              </w:rPr>
              <w:t>Allow the user to view all the companies (Currently all companies on the Nasdaq 100 listing)</w:t>
            </w:r>
          </w:p>
        </w:tc>
        <w:tc>
          <w:tcPr>
            <w:tcW w:w="3232" w:type="dxa"/>
          </w:tcPr>
          <w:p w14:paraId="378487D2" w14:textId="03EC80B4" w:rsidR="00826392" w:rsidRDefault="00826392" w:rsidP="00A020EF">
            <w:pPr>
              <w:rPr>
                <w:sz w:val="24"/>
                <w:szCs w:val="24"/>
              </w:rPr>
            </w:pPr>
            <w:r>
              <w:rPr>
                <w:sz w:val="24"/>
                <w:szCs w:val="24"/>
              </w:rPr>
              <w:t>Enables the user to engage with the website, choosing exactly what data they are interested in. Improved convenience.</w:t>
            </w:r>
          </w:p>
        </w:tc>
      </w:tr>
      <w:tr w:rsidR="00826392" w14:paraId="7E3769FD" w14:textId="77777777" w:rsidTr="00942BED">
        <w:trPr>
          <w:trHeight w:val="347"/>
        </w:trPr>
        <w:tc>
          <w:tcPr>
            <w:tcW w:w="2144" w:type="dxa"/>
          </w:tcPr>
          <w:p w14:paraId="5F766C96" w14:textId="51A2169F" w:rsidR="00826392" w:rsidRDefault="00E81A41" w:rsidP="00A020EF">
            <w:pPr>
              <w:rPr>
                <w:sz w:val="24"/>
                <w:szCs w:val="24"/>
              </w:rPr>
            </w:pPr>
            <w:r>
              <w:rPr>
                <w:sz w:val="24"/>
                <w:szCs w:val="24"/>
              </w:rPr>
              <w:t>Web layer</w:t>
            </w:r>
          </w:p>
        </w:tc>
        <w:tc>
          <w:tcPr>
            <w:tcW w:w="1985" w:type="dxa"/>
          </w:tcPr>
          <w:p w14:paraId="74C55DC8" w14:textId="62C5F5E0" w:rsidR="00826392" w:rsidRDefault="00826392" w:rsidP="00A020EF">
            <w:pPr>
              <w:rPr>
                <w:sz w:val="24"/>
                <w:szCs w:val="24"/>
              </w:rPr>
            </w:pPr>
            <w:r>
              <w:rPr>
                <w:sz w:val="24"/>
                <w:szCs w:val="24"/>
              </w:rPr>
              <w:t>Show Company</w:t>
            </w:r>
          </w:p>
        </w:tc>
        <w:tc>
          <w:tcPr>
            <w:tcW w:w="2551" w:type="dxa"/>
          </w:tcPr>
          <w:p w14:paraId="52ABB5F2" w14:textId="28A6B51C" w:rsidR="00826392" w:rsidRDefault="00826392" w:rsidP="00A020EF">
            <w:pPr>
              <w:rPr>
                <w:sz w:val="24"/>
                <w:szCs w:val="24"/>
              </w:rPr>
            </w:pPr>
            <w:r>
              <w:rPr>
                <w:sz w:val="24"/>
                <w:szCs w:val="24"/>
              </w:rPr>
              <w:t>Allow the user to click into any company and view specific predictive data for that company</w:t>
            </w:r>
          </w:p>
        </w:tc>
        <w:tc>
          <w:tcPr>
            <w:tcW w:w="3232" w:type="dxa"/>
          </w:tcPr>
          <w:p w14:paraId="206FDB29" w14:textId="0D449079" w:rsidR="00826392" w:rsidRDefault="00826392" w:rsidP="00A020EF">
            <w:pPr>
              <w:rPr>
                <w:sz w:val="24"/>
                <w:szCs w:val="24"/>
              </w:rPr>
            </w:pPr>
            <w:r>
              <w:rPr>
                <w:sz w:val="24"/>
                <w:szCs w:val="24"/>
              </w:rPr>
              <w:t>This is where the real valued data from the Plutocrat neural network will be displayed for the user</w:t>
            </w:r>
          </w:p>
        </w:tc>
      </w:tr>
      <w:tr w:rsidR="00826392" w14:paraId="3169E1E2" w14:textId="77777777" w:rsidTr="00942BED">
        <w:trPr>
          <w:trHeight w:val="347"/>
        </w:trPr>
        <w:tc>
          <w:tcPr>
            <w:tcW w:w="2144" w:type="dxa"/>
          </w:tcPr>
          <w:p w14:paraId="2110FD73" w14:textId="524ABA96" w:rsidR="00826392" w:rsidRDefault="00E81A41" w:rsidP="00A020EF">
            <w:pPr>
              <w:rPr>
                <w:sz w:val="24"/>
                <w:szCs w:val="24"/>
              </w:rPr>
            </w:pPr>
            <w:r>
              <w:rPr>
                <w:sz w:val="24"/>
                <w:szCs w:val="24"/>
              </w:rPr>
              <w:t>Web layer</w:t>
            </w:r>
          </w:p>
        </w:tc>
        <w:tc>
          <w:tcPr>
            <w:tcW w:w="1985" w:type="dxa"/>
          </w:tcPr>
          <w:p w14:paraId="652753B6" w14:textId="0DDAE1B1" w:rsidR="00826392" w:rsidRDefault="00826392" w:rsidP="00A020EF">
            <w:pPr>
              <w:rPr>
                <w:sz w:val="24"/>
                <w:szCs w:val="24"/>
              </w:rPr>
            </w:pPr>
            <w:r>
              <w:rPr>
                <w:sz w:val="24"/>
                <w:szCs w:val="24"/>
              </w:rPr>
              <w:t>Pull data from database</w:t>
            </w:r>
          </w:p>
        </w:tc>
        <w:tc>
          <w:tcPr>
            <w:tcW w:w="2551" w:type="dxa"/>
          </w:tcPr>
          <w:p w14:paraId="30C34F6D" w14:textId="49AF9AEA" w:rsidR="00826392" w:rsidRDefault="00826392" w:rsidP="00A020EF">
            <w:pPr>
              <w:rPr>
                <w:sz w:val="24"/>
                <w:szCs w:val="24"/>
              </w:rPr>
            </w:pPr>
            <w:r>
              <w:rPr>
                <w:sz w:val="24"/>
                <w:szCs w:val="24"/>
              </w:rPr>
              <w:t>Query</w:t>
            </w:r>
            <w:r w:rsidR="00836728">
              <w:rPr>
                <w:sz w:val="24"/>
                <w:szCs w:val="24"/>
              </w:rPr>
              <w:t xml:space="preserve"> </w:t>
            </w:r>
            <w:r>
              <w:rPr>
                <w:sz w:val="24"/>
                <w:szCs w:val="24"/>
              </w:rPr>
              <w:t>the database for the company listing, and all data relevant to each company</w:t>
            </w:r>
          </w:p>
        </w:tc>
        <w:tc>
          <w:tcPr>
            <w:tcW w:w="3232" w:type="dxa"/>
          </w:tcPr>
          <w:p w14:paraId="4FCAC810" w14:textId="27CD67A7" w:rsidR="00826392" w:rsidRDefault="00826392" w:rsidP="00A020EF">
            <w:pPr>
              <w:rPr>
                <w:sz w:val="24"/>
                <w:szCs w:val="24"/>
              </w:rPr>
            </w:pPr>
            <w:r>
              <w:rPr>
                <w:sz w:val="24"/>
                <w:szCs w:val="24"/>
              </w:rPr>
              <w:t>Enables all of the data to be gathered and displayed to the user.</w:t>
            </w:r>
          </w:p>
        </w:tc>
      </w:tr>
      <w:tr w:rsidR="00826392" w14:paraId="7645EED0" w14:textId="77777777" w:rsidTr="00942BED">
        <w:trPr>
          <w:trHeight w:val="347"/>
        </w:trPr>
        <w:tc>
          <w:tcPr>
            <w:tcW w:w="2144" w:type="dxa"/>
          </w:tcPr>
          <w:p w14:paraId="24C2B801" w14:textId="27C44F15" w:rsidR="00826392" w:rsidRDefault="0098118E" w:rsidP="00A020EF">
            <w:pPr>
              <w:rPr>
                <w:sz w:val="24"/>
                <w:szCs w:val="24"/>
              </w:rPr>
            </w:pPr>
            <w:r>
              <w:rPr>
                <w:sz w:val="24"/>
                <w:szCs w:val="24"/>
              </w:rPr>
              <w:t>Machine Learning</w:t>
            </w:r>
            <w:r w:rsidR="00E81A41">
              <w:rPr>
                <w:sz w:val="24"/>
                <w:szCs w:val="24"/>
              </w:rPr>
              <w:t xml:space="preserve"> Layer</w:t>
            </w:r>
          </w:p>
        </w:tc>
        <w:tc>
          <w:tcPr>
            <w:tcW w:w="1985" w:type="dxa"/>
          </w:tcPr>
          <w:p w14:paraId="3F6CE06A" w14:textId="169B24A1" w:rsidR="00826392" w:rsidRDefault="00CD4EB1" w:rsidP="00A020EF">
            <w:pPr>
              <w:rPr>
                <w:sz w:val="24"/>
                <w:szCs w:val="24"/>
              </w:rPr>
            </w:pPr>
            <w:r>
              <w:rPr>
                <w:sz w:val="24"/>
                <w:szCs w:val="24"/>
              </w:rPr>
              <w:t>Pull sentiment information from</w:t>
            </w:r>
            <w:r w:rsidR="00942BED">
              <w:rPr>
                <w:sz w:val="24"/>
                <w:szCs w:val="24"/>
              </w:rPr>
              <w:t xml:space="preserve"> database</w:t>
            </w:r>
          </w:p>
        </w:tc>
        <w:tc>
          <w:tcPr>
            <w:tcW w:w="2551" w:type="dxa"/>
          </w:tcPr>
          <w:p w14:paraId="4EEA1A40" w14:textId="3F57C343" w:rsidR="00826392" w:rsidRDefault="00942BED" w:rsidP="00A020EF">
            <w:pPr>
              <w:rPr>
                <w:sz w:val="24"/>
                <w:szCs w:val="24"/>
              </w:rPr>
            </w:pPr>
            <w:r>
              <w:rPr>
                <w:sz w:val="24"/>
                <w:szCs w:val="24"/>
              </w:rPr>
              <w:t xml:space="preserve">Bring data into program to be </w:t>
            </w:r>
            <w:r w:rsidR="009779AC">
              <w:rPr>
                <w:sz w:val="24"/>
                <w:szCs w:val="24"/>
              </w:rPr>
              <w:t>analysed</w:t>
            </w:r>
          </w:p>
        </w:tc>
        <w:tc>
          <w:tcPr>
            <w:tcW w:w="3232" w:type="dxa"/>
          </w:tcPr>
          <w:p w14:paraId="05FDD7A1" w14:textId="0794BD22" w:rsidR="00826392" w:rsidRDefault="00984041" w:rsidP="00A020EF">
            <w:pPr>
              <w:rPr>
                <w:sz w:val="24"/>
                <w:szCs w:val="24"/>
              </w:rPr>
            </w:pPr>
            <w:r>
              <w:rPr>
                <w:sz w:val="24"/>
                <w:szCs w:val="24"/>
              </w:rPr>
              <w:t xml:space="preserve">Enables for information from a lower section </w:t>
            </w:r>
            <w:r w:rsidR="00361521">
              <w:rPr>
                <w:sz w:val="24"/>
                <w:szCs w:val="24"/>
              </w:rPr>
              <w:t>of the system to be brought</w:t>
            </w:r>
            <w:r w:rsidR="00485C1A">
              <w:rPr>
                <w:sz w:val="24"/>
                <w:szCs w:val="24"/>
              </w:rPr>
              <w:t xml:space="preserve"> into</w:t>
            </w:r>
            <w:r w:rsidR="009779AC">
              <w:rPr>
                <w:sz w:val="24"/>
                <w:szCs w:val="24"/>
              </w:rPr>
              <w:t xml:space="preserve"> the machine learning layer and fed into the neural network</w:t>
            </w:r>
          </w:p>
        </w:tc>
      </w:tr>
      <w:tr w:rsidR="00826392" w14:paraId="37F377C0" w14:textId="77777777" w:rsidTr="00942BED">
        <w:trPr>
          <w:trHeight w:val="347"/>
        </w:trPr>
        <w:tc>
          <w:tcPr>
            <w:tcW w:w="2144" w:type="dxa"/>
          </w:tcPr>
          <w:p w14:paraId="6668C395" w14:textId="1885A577" w:rsidR="00826392" w:rsidRDefault="009779AC" w:rsidP="00A020EF">
            <w:pPr>
              <w:rPr>
                <w:sz w:val="24"/>
                <w:szCs w:val="24"/>
              </w:rPr>
            </w:pPr>
            <w:r>
              <w:rPr>
                <w:sz w:val="24"/>
                <w:szCs w:val="24"/>
              </w:rPr>
              <w:t>Machine Learning Layer</w:t>
            </w:r>
          </w:p>
        </w:tc>
        <w:tc>
          <w:tcPr>
            <w:tcW w:w="1985" w:type="dxa"/>
          </w:tcPr>
          <w:p w14:paraId="14E5B407" w14:textId="38496042" w:rsidR="00826392" w:rsidRDefault="00527C4D" w:rsidP="00A020EF">
            <w:pPr>
              <w:rPr>
                <w:sz w:val="24"/>
                <w:szCs w:val="24"/>
              </w:rPr>
            </w:pPr>
            <w:r>
              <w:rPr>
                <w:sz w:val="24"/>
                <w:szCs w:val="24"/>
              </w:rPr>
              <w:t>Get stock price</w:t>
            </w:r>
          </w:p>
        </w:tc>
        <w:tc>
          <w:tcPr>
            <w:tcW w:w="2551" w:type="dxa"/>
          </w:tcPr>
          <w:p w14:paraId="4B383E18" w14:textId="243F0B4C" w:rsidR="00826392" w:rsidRDefault="00527C4D" w:rsidP="00A020EF">
            <w:pPr>
              <w:rPr>
                <w:sz w:val="24"/>
                <w:szCs w:val="24"/>
              </w:rPr>
            </w:pPr>
            <w:r>
              <w:rPr>
                <w:sz w:val="24"/>
                <w:szCs w:val="24"/>
              </w:rPr>
              <w:t>Get</w:t>
            </w:r>
            <w:r w:rsidR="003E75D4">
              <w:rPr>
                <w:sz w:val="24"/>
                <w:szCs w:val="24"/>
              </w:rPr>
              <w:t xml:space="preserve"> the historic price for sentiments whose dates have already passed</w:t>
            </w:r>
          </w:p>
        </w:tc>
        <w:tc>
          <w:tcPr>
            <w:tcW w:w="3232" w:type="dxa"/>
          </w:tcPr>
          <w:p w14:paraId="47B2F87C" w14:textId="15FABAEA" w:rsidR="00826392" w:rsidRDefault="00846E5A" w:rsidP="00A020EF">
            <w:pPr>
              <w:rPr>
                <w:sz w:val="24"/>
                <w:szCs w:val="24"/>
              </w:rPr>
            </w:pPr>
            <w:r>
              <w:rPr>
                <w:sz w:val="24"/>
                <w:szCs w:val="24"/>
              </w:rPr>
              <w:t>Brings historic stock prices into the system</w:t>
            </w:r>
            <w:r w:rsidR="002C5668">
              <w:rPr>
                <w:sz w:val="24"/>
                <w:szCs w:val="24"/>
              </w:rPr>
              <w:t xml:space="preserve"> for the sake of training the neural network</w:t>
            </w:r>
            <w:r w:rsidR="00AA2BAB">
              <w:rPr>
                <w:sz w:val="24"/>
                <w:szCs w:val="24"/>
              </w:rPr>
              <w:t xml:space="preserve">, and for users to </w:t>
            </w:r>
            <w:r w:rsidR="0061171C">
              <w:rPr>
                <w:sz w:val="24"/>
                <w:szCs w:val="24"/>
              </w:rPr>
              <w:t>visually</w:t>
            </w:r>
            <w:r w:rsidR="00AA2BAB">
              <w:rPr>
                <w:sz w:val="24"/>
                <w:szCs w:val="24"/>
              </w:rPr>
              <w:t xml:space="preserve"> compare how accurate</w:t>
            </w:r>
            <w:r w:rsidR="00856B53">
              <w:rPr>
                <w:sz w:val="24"/>
                <w:szCs w:val="24"/>
              </w:rPr>
              <w:t xml:space="preserve"> the predictions were on the front-end webpage.</w:t>
            </w:r>
          </w:p>
        </w:tc>
      </w:tr>
      <w:tr w:rsidR="00826392" w14:paraId="46E79641" w14:textId="77777777" w:rsidTr="00942BED">
        <w:trPr>
          <w:trHeight w:val="347"/>
        </w:trPr>
        <w:tc>
          <w:tcPr>
            <w:tcW w:w="2144" w:type="dxa"/>
          </w:tcPr>
          <w:p w14:paraId="6B9B05E8" w14:textId="77777777" w:rsidR="00826392" w:rsidRDefault="0061171C" w:rsidP="00A020EF">
            <w:pPr>
              <w:rPr>
                <w:sz w:val="24"/>
                <w:szCs w:val="24"/>
              </w:rPr>
            </w:pPr>
            <w:r>
              <w:rPr>
                <w:sz w:val="24"/>
                <w:szCs w:val="24"/>
              </w:rPr>
              <w:t>Machine Learning</w:t>
            </w:r>
          </w:p>
          <w:p w14:paraId="43A23835" w14:textId="51906D9E" w:rsidR="0061171C" w:rsidRDefault="0061171C" w:rsidP="00A020EF">
            <w:pPr>
              <w:rPr>
                <w:sz w:val="24"/>
                <w:szCs w:val="24"/>
              </w:rPr>
            </w:pPr>
            <w:r>
              <w:rPr>
                <w:sz w:val="24"/>
                <w:szCs w:val="24"/>
              </w:rPr>
              <w:t>Layer</w:t>
            </w:r>
          </w:p>
        </w:tc>
        <w:tc>
          <w:tcPr>
            <w:tcW w:w="1985" w:type="dxa"/>
          </w:tcPr>
          <w:p w14:paraId="67C0895A" w14:textId="7AB24BA1" w:rsidR="00826392" w:rsidRDefault="001C051D" w:rsidP="00A020EF">
            <w:pPr>
              <w:rPr>
                <w:sz w:val="24"/>
                <w:szCs w:val="24"/>
              </w:rPr>
            </w:pPr>
            <w:r>
              <w:rPr>
                <w:sz w:val="24"/>
                <w:szCs w:val="24"/>
              </w:rPr>
              <w:t>Construct/train neural network</w:t>
            </w:r>
          </w:p>
        </w:tc>
        <w:tc>
          <w:tcPr>
            <w:tcW w:w="2551" w:type="dxa"/>
          </w:tcPr>
          <w:p w14:paraId="60621D08" w14:textId="206D82C9" w:rsidR="00826392" w:rsidRDefault="001C051D" w:rsidP="00A020EF">
            <w:pPr>
              <w:rPr>
                <w:sz w:val="24"/>
                <w:szCs w:val="24"/>
              </w:rPr>
            </w:pPr>
            <w:r>
              <w:rPr>
                <w:sz w:val="24"/>
                <w:szCs w:val="24"/>
              </w:rPr>
              <w:t>Assemble the structure of the neural network</w:t>
            </w:r>
            <w:r w:rsidR="00506F53">
              <w:rPr>
                <w:sz w:val="24"/>
                <w:szCs w:val="24"/>
              </w:rPr>
              <w:t>, layer by layer, and trains it by passing in training data.</w:t>
            </w:r>
          </w:p>
        </w:tc>
        <w:tc>
          <w:tcPr>
            <w:tcW w:w="3232" w:type="dxa"/>
          </w:tcPr>
          <w:p w14:paraId="2F00A5DB" w14:textId="6933F829" w:rsidR="00826392" w:rsidRDefault="00851CFD" w:rsidP="00A020EF">
            <w:pPr>
              <w:rPr>
                <w:sz w:val="24"/>
                <w:szCs w:val="24"/>
              </w:rPr>
            </w:pPr>
            <w:r>
              <w:rPr>
                <w:sz w:val="24"/>
                <w:szCs w:val="24"/>
              </w:rPr>
              <w:t>The foundation of the project, and Plutocrat</w:t>
            </w:r>
            <w:r w:rsidR="00970368">
              <w:rPr>
                <w:sz w:val="24"/>
                <w:szCs w:val="24"/>
              </w:rPr>
              <w:t>’s value. Enables the system to make predictions about value changes in stock prices.</w:t>
            </w:r>
          </w:p>
        </w:tc>
      </w:tr>
      <w:tr w:rsidR="00970368" w14:paraId="5CA35CCE" w14:textId="77777777" w:rsidTr="00942BED">
        <w:trPr>
          <w:trHeight w:val="347"/>
        </w:trPr>
        <w:tc>
          <w:tcPr>
            <w:tcW w:w="2144" w:type="dxa"/>
          </w:tcPr>
          <w:p w14:paraId="7048F191" w14:textId="5290EE2E" w:rsidR="00970368" w:rsidRDefault="00E85412" w:rsidP="00A020EF">
            <w:pPr>
              <w:rPr>
                <w:sz w:val="24"/>
                <w:szCs w:val="24"/>
              </w:rPr>
            </w:pPr>
            <w:r>
              <w:rPr>
                <w:sz w:val="24"/>
                <w:szCs w:val="24"/>
              </w:rPr>
              <w:t>Machine Learning Layer</w:t>
            </w:r>
          </w:p>
        </w:tc>
        <w:tc>
          <w:tcPr>
            <w:tcW w:w="1985" w:type="dxa"/>
          </w:tcPr>
          <w:p w14:paraId="39682988" w14:textId="3C427F0D" w:rsidR="00970368" w:rsidRDefault="00E85412" w:rsidP="00A020EF">
            <w:pPr>
              <w:rPr>
                <w:sz w:val="24"/>
                <w:szCs w:val="24"/>
              </w:rPr>
            </w:pPr>
            <w:r>
              <w:rPr>
                <w:sz w:val="24"/>
                <w:szCs w:val="24"/>
              </w:rPr>
              <w:t>Make Predictions</w:t>
            </w:r>
          </w:p>
        </w:tc>
        <w:tc>
          <w:tcPr>
            <w:tcW w:w="2551" w:type="dxa"/>
          </w:tcPr>
          <w:p w14:paraId="6C0E28EF" w14:textId="7C674275" w:rsidR="00970368" w:rsidRDefault="00E85412" w:rsidP="00A020EF">
            <w:pPr>
              <w:rPr>
                <w:sz w:val="24"/>
                <w:szCs w:val="24"/>
              </w:rPr>
            </w:pPr>
            <w:r>
              <w:rPr>
                <w:sz w:val="24"/>
                <w:szCs w:val="24"/>
              </w:rPr>
              <w:t>Pass sentient data from the database into the</w:t>
            </w:r>
            <w:r w:rsidR="001328C5">
              <w:rPr>
                <w:sz w:val="24"/>
                <w:szCs w:val="24"/>
              </w:rPr>
              <w:t xml:space="preserve"> model</w:t>
            </w:r>
            <w:r w:rsidR="00F8753B">
              <w:rPr>
                <w:sz w:val="24"/>
                <w:szCs w:val="24"/>
              </w:rPr>
              <w:t xml:space="preserve"> to produce a predicted value change</w:t>
            </w:r>
          </w:p>
        </w:tc>
        <w:tc>
          <w:tcPr>
            <w:tcW w:w="3232" w:type="dxa"/>
          </w:tcPr>
          <w:p w14:paraId="7645538E" w14:textId="7AE82C0F" w:rsidR="00970368" w:rsidRDefault="001328C5" w:rsidP="00A020EF">
            <w:pPr>
              <w:rPr>
                <w:sz w:val="24"/>
                <w:szCs w:val="24"/>
              </w:rPr>
            </w:pPr>
            <w:r>
              <w:rPr>
                <w:sz w:val="24"/>
                <w:szCs w:val="24"/>
              </w:rPr>
              <w:t>Outputs</w:t>
            </w:r>
            <w:r w:rsidR="00D5289E">
              <w:rPr>
                <w:sz w:val="24"/>
                <w:szCs w:val="24"/>
              </w:rPr>
              <w:t xml:space="preserve"> a predicted value change in sentiment relevant companies to guide investments</w:t>
            </w:r>
          </w:p>
        </w:tc>
      </w:tr>
      <w:tr w:rsidR="00E30D83" w14:paraId="17724C35" w14:textId="77777777" w:rsidTr="00942BED">
        <w:trPr>
          <w:trHeight w:val="347"/>
        </w:trPr>
        <w:tc>
          <w:tcPr>
            <w:tcW w:w="2144" w:type="dxa"/>
          </w:tcPr>
          <w:p w14:paraId="4D29A1D4" w14:textId="048AC01D" w:rsidR="00E30D83" w:rsidRDefault="00E30D83" w:rsidP="00A020EF">
            <w:pPr>
              <w:rPr>
                <w:sz w:val="24"/>
                <w:szCs w:val="24"/>
              </w:rPr>
            </w:pPr>
            <w:r>
              <w:rPr>
                <w:sz w:val="24"/>
                <w:szCs w:val="24"/>
              </w:rPr>
              <w:lastRenderedPageBreak/>
              <w:t>Machine Learning Layer</w:t>
            </w:r>
          </w:p>
        </w:tc>
        <w:tc>
          <w:tcPr>
            <w:tcW w:w="1985" w:type="dxa"/>
          </w:tcPr>
          <w:p w14:paraId="51320F0B" w14:textId="1DCD18F1" w:rsidR="00E30D83" w:rsidRDefault="00E30D83" w:rsidP="00A020EF">
            <w:pPr>
              <w:rPr>
                <w:sz w:val="24"/>
                <w:szCs w:val="24"/>
              </w:rPr>
            </w:pPr>
            <w:r>
              <w:rPr>
                <w:sz w:val="24"/>
                <w:szCs w:val="24"/>
              </w:rPr>
              <w:t>Write</w:t>
            </w:r>
            <w:r w:rsidR="0052305D">
              <w:rPr>
                <w:sz w:val="24"/>
                <w:szCs w:val="24"/>
              </w:rPr>
              <w:t xml:space="preserve"> to database</w:t>
            </w:r>
          </w:p>
        </w:tc>
        <w:tc>
          <w:tcPr>
            <w:tcW w:w="2551" w:type="dxa"/>
          </w:tcPr>
          <w:p w14:paraId="0877E859" w14:textId="62AB80D6" w:rsidR="00E30D83" w:rsidRDefault="0052305D" w:rsidP="00A020EF">
            <w:pPr>
              <w:rPr>
                <w:sz w:val="24"/>
                <w:szCs w:val="24"/>
              </w:rPr>
            </w:pPr>
            <w:r>
              <w:rPr>
                <w:sz w:val="24"/>
                <w:szCs w:val="24"/>
              </w:rPr>
              <w:t>Write the prediction data back into the database</w:t>
            </w:r>
          </w:p>
        </w:tc>
        <w:tc>
          <w:tcPr>
            <w:tcW w:w="3232" w:type="dxa"/>
          </w:tcPr>
          <w:p w14:paraId="7B195F84" w14:textId="5B7A88DE" w:rsidR="00E30D83" w:rsidRDefault="0052305D" w:rsidP="00A020EF">
            <w:pPr>
              <w:rPr>
                <w:sz w:val="24"/>
                <w:szCs w:val="24"/>
              </w:rPr>
            </w:pPr>
            <w:r>
              <w:rPr>
                <w:sz w:val="24"/>
                <w:szCs w:val="24"/>
              </w:rPr>
              <w:t>Allows the predictive data to be retrieved from</w:t>
            </w:r>
            <w:r w:rsidR="00CD0276">
              <w:rPr>
                <w:sz w:val="24"/>
                <w:szCs w:val="24"/>
              </w:rPr>
              <w:t xml:space="preserve"> the machine learning layer and to be displayed to the user</w:t>
            </w:r>
          </w:p>
        </w:tc>
      </w:tr>
      <w:tr w:rsidR="00970368" w14:paraId="195DC6F6" w14:textId="77777777" w:rsidTr="00942BED">
        <w:trPr>
          <w:trHeight w:val="347"/>
        </w:trPr>
        <w:tc>
          <w:tcPr>
            <w:tcW w:w="2144" w:type="dxa"/>
          </w:tcPr>
          <w:p w14:paraId="7AEB6C89" w14:textId="2BA6CECE" w:rsidR="00970368" w:rsidRDefault="002657FF" w:rsidP="00A020EF">
            <w:pPr>
              <w:rPr>
                <w:sz w:val="24"/>
                <w:szCs w:val="24"/>
              </w:rPr>
            </w:pPr>
            <w:r>
              <w:rPr>
                <w:sz w:val="24"/>
                <w:szCs w:val="24"/>
              </w:rPr>
              <w:t>Web-scraping layer</w:t>
            </w:r>
          </w:p>
        </w:tc>
        <w:tc>
          <w:tcPr>
            <w:tcW w:w="1985" w:type="dxa"/>
          </w:tcPr>
          <w:p w14:paraId="34AFAE65" w14:textId="7029E34D" w:rsidR="00970368" w:rsidRDefault="00B504A1" w:rsidP="00A020EF">
            <w:pPr>
              <w:rPr>
                <w:sz w:val="24"/>
                <w:szCs w:val="24"/>
              </w:rPr>
            </w:pPr>
            <w:r>
              <w:rPr>
                <w:sz w:val="24"/>
                <w:szCs w:val="24"/>
              </w:rPr>
              <w:t xml:space="preserve">Gather Nasdaq 100 listing </w:t>
            </w:r>
          </w:p>
        </w:tc>
        <w:tc>
          <w:tcPr>
            <w:tcW w:w="2551" w:type="dxa"/>
          </w:tcPr>
          <w:p w14:paraId="52C21E73" w14:textId="13247D3D" w:rsidR="00970368" w:rsidRDefault="00D76F2F" w:rsidP="00A020EF">
            <w:pPr>
              <w:rPr>
                <w:sz w:val="24"/>
                <w:szCs w:val="24"/>
              </w:rPr>
            </w:pPr>
            <w:r>
              <w:rPr>
                <w:sz w:val="24"/>
                <w:szCs w:val="24"/>
              </w:rPr>
              <w:t>Use JSOUP to scrape the web for the current Nasdaq 100 listing</w:t>
            </w:r>
            <w:r w:rsidR="00920F15">
              <w:rPr>
                <w:sz w:val="24"/>
                <w:szCs w:val="24"/>
              </w:rPr>
              <w:t xml:space="preserve"> </w:t>
            </w:r>
          </w:p>
        </w:tc>
        <w:tc>
          <w:tcPr>
            <w:tcW w:w="3232" w:type="dxa"/>
          </w:tcPr>
          <w:p w14:paraId="7C16FFBC" w14:textId="28550163" w:rsidR="00970368" w:rsidRDefault="00D76F2F" w:rsidP="00A020EF">
            <w:pPr>
              <w:rPr>
                <w:sz w:val="24"/>
                <w:szCs w:val="24"/>
              </w:rPr>
            </w:pPr>
            <w:r>
              <w:rPr>
                <w:sz w:val="24"/>
                <w:szCs w:val="24"/>
              </w:rPr>
              <w:t>Allows the system</w:t>
            </w:r>
            <w:r w:rsidR="00E51217">
              <w:rPr>
                <w:sz w:val="24"/>
                <w:szCs w:val="24"/>
              </w:rPr>
              <w:t xml:space="preserve"> to gather the names and information of relevant companies, for which it will gather sentiment information</w:t>
            </w:r>
          </w:p>
        </w:tc>
      </w:tr>
      <w:tr w:rsidR="00970368" w14:paraId="37A781E2" w14:textId="77777777" w:rsidTr="00942BED">
        <w:trPr>
          <w:trHeight w:val="347"/>
        </w:trPr>
        <w:tc>
          <w:tcPr>
            <w:tcW w:w="2144" w:type="dxa"/>
          </w:tcPr>
          <w:p w14:paraId="280982E6" w14:textId="7CF3CA16" w:rsidR="00970368" w:rsidRDefault="00836728" w:rsidP="00A020EF">
            <w:pPr>
              <w:rPr>
                <w:sz w:val="24"/>
                <w:szCs w:val="24"/>
              </w:rPr>
            </w:pPr>
            <w:r>
              <w:rPr>
                <w:sz w:val="24"/>
                <w:szCs w:val="24"/>
              </w:rPr>
              <w:t>Web-scraping layer</w:t>
            </w:r>
          </w:p>
        </w:tc>
        <w:tc>
          <w:tcPr>
            <w:tcW w:w="1985" w:type="dxa"/>
          </w:tcPr>
          <w:p w14:paraId="0FEF8182" w14:textId="2E33608B" w:rsidR="00970368" w:rsidRDefault="00836728" w:rsidP="00A020EF">
            <w:pPr>
              <w:rPr>
                <w:sz w:val="24"/>
                <w:szCs w:val="24"/>
              </w:rPr>
            </w:pPr>
            <w:r>
              <w:rPr>
                <w:sz w:val="24"/>
                <w:szCs w:val="24"/>
              </w:rPr>
              <w:t>Gather Sentiment data</w:t>
            </w:r>
          </w:p>
        </w:tc>
        <w:tc>
          <w:tcPr>
            <w:tcW w:w="2551" w:type="dxa"/>
          </w:tcPr>
          <w:p w14:paraId="7248046E" w14:textId="3D2F2215" w:rsidR="00970368" w:rsidRDefault="00836728" w:rsidP="00A020EF">
            <w:pPr>
              <w:rPr>
                <w:sz w:val="24"/>
                <w:szCs w:val="24"/>
              </w:rPr>
            </w:pPr>
            <w:r>
              <w:rPr>
                <w:sz w:val="24"/>
                <w:szCs w:val="24"/>
              </w:rPr>
              <w:t>Use JSOUP to scrape sentiment data from sources</w:t>
            </w:r>
          </w:p>
        </w:tc>
        <w:tc>
          <w:tcPr>
            <w:tcW w:w="3232" w:type="dxa"/>
          </w:tcPr>
          <w:p w14:paraId="4FDEF69B" w14:textId="6B408478" w:rsidR="00970368" w:rsidRDefault="00CD0276" w:rsidP="00A020EF">
            <w:pPr>
              <w:rPr>
                <w:sz w:val="24"/>
                <w:szCs w:val="24"/>
              </w:rPr>
            </w:pPr>
            <w:r>
              <w:rPr>
                <w:sz w:val="24"/>
                <w:szCs w:val="24"/>
              </w:rPr>
              <w:t xml:space="preserve">Gathers data to be analysed </w:t>
            </w:r>
            <w:r w:rsidR="001C2150">
              <w:rPr>
                <w:sz w:val="24"/>
                <w:szCs w:val="24"/>
              </w:rPr>
              <w:t>by Stanford NLP</w:t>
            </w:r>
          </w:p>
        </w:tc>
      </w:tr>
      <w:tr w:rsidR="00970368" w14:paraId="0042AAEC" w14:textId="77777777" w:rsidTr="00942BED">
        <w:trPr>
          <w:trHeight w:val="347"/>
        </w:trPr>
        <w:tc>
          <w:tcPr>
            <w:tcW w:w="2144" w:type="dxa"/>
          </w:tcPr>
          <w:p w14:paraId="379E0706" w14:textId="79FA3F70" w:rsidR="00970368" w:rsidRDefault="00744B38" w:rsidP="00A020EF">
            <w:pPr>
              <w:rPr>
                <w:sz w:val="24"/>
                <w:szCs w:val="24"/>
              </w:rPr>
            </w:pPr>
            <w:r>
              <w:rPr>
                <w:sz w:val="24"/>
                <w:szCs w:val="24"/>
              </w:rPr>
              <w:t>Web-scraping layer</w:t>
            </w:r>
          </w:p>
        </w:tc>
        <w:tc>
          <w:tcPr>
            <w:tcW w:w="1985" w:type="dxa"/>
          </w:tcPr>
          <w:p w14:paraId="44805103" w14:textId="238AF724" w:rsidR="00970368" w:rsidRDefault="00744B38" w:rsidP="00A020EF">
            <w:pPr>
              <w:rPr>
                <w:sz w:val="24"/>
                <w:szCs w:val="24"/>
              </w:rPr>
            </w:pPr>
            <w:r>
              <w:rPr>
                <w:sz w:val="24"/>
                <w:szCs w:val="24"/>
              </w:rPr>
              <w:t>Analyse sentiment data</w:t>
            </w:r>
          </w:p>
        </w:tc>
        <w:tc>
          <w:tcPr>
            <w:tcW w:w="2551" w:type="dxa"/>
          </w:tcPr>
          <w:p w14:paraId="09B0C625" w14:textId="673C0CAB" w:rsidR="00970368" w:rsidRDefault="00744B38" w:rsidP="00A020EF">
            <w:pPr>
              <w:rPr>
                <w:sz w:val="24"/>
                <w:szCs w:val="24"/>
              </w:rPr>
            </w:pPr>
            <w:r>
              <w:rPr>
                <w:sz w:val="24"/>
                <w:szCs w:val="24"/>
              </w:rPr>
              <w:t xml:space="preserve">Use Stanford NLP </w:t>
            </w:r>
            <w:r w:rsidR="00727AF9">
              <w:rPr>
                <w:sz w:val="24"/>
                <w:szCs w:val="24"/>
              </w:rPr>
              <w:t>t</w:t>
            </w:r>
            <w:r>
              <w:rPr>
                <w:sz w:val="24"/>
                <w:szCs w:val="24"/>
              </w:rPr>
              <w:t>o generate an average positivity rat</w:t>
            </w:r>
            <w:r w:rsidR="00640B38">
              <w:rPr>
                <w:sz w:val="24"/>
                <w:szCs w:val="24"/>
              </w:rPr>
              <w:t>ing for the piece of sentiment.</w:t>
            </w:r>
          </w:p>
        </w:tc>
        <w:tc>
          <w:tcPr>
            <w:tcW w:w="3232" w:type="dxa"/>
          </w:tcPr>
          <w:p w14:paraId="5DAE3C0D" w14:textId="62658CD9" w:rsidR="00970368" w:rsidRDefault="00640B38" w:rsidP="00A020EF">
            <w:pPr>
              <w:rPr>
                <w:sz w:val="24"/>
                <w:szCs w:val="24"/>
              </w:rPr>
            </w:pPr>
            <w:r>
              <w:rPr>
                <w:sz w:val="24"/>
                <w:szCs w:val="24"/>
              </w:rPr>
              <w:t>Generates information that can later be fed into the Machine learning layer’s</w:t>
            </w:r>
            <w:r w:rsidR="00727AF9">
              <w:rPr>
                <w:sz w:val="24"/>
                <w:szCs w:val="24"/>
              </w:rPr>
              <w:t xml:space="preserve"> neural network to train, and to make predictions</w:t>
            </w:r>
          </w:p>
        </w:tc>
      </w:tr>
      <w:tr w:rsidR="00970368" w14:paraId="4534CB73" w14:textId="77777777" w:rsidTr="00942BED">
        <w:trPr>
          <w:trHeight w:val="347"/>
        </w:trPr>
        <w:tc>
          <w:tcPr>
            <w:tcW w:w="2144" w:type="dxa"/>
          </w:tcPr>
          <w:p w14:paraId="3793408D" w14:textId="05BEE925" w:rsidR="00970368" w:rsidRDefault="00727AF9" w:rsidP="00A020EF">
            <w:pPr>
              <w:rPr>
                <w:sz w:val="24"/>
                <w:szCs w:val="24"/>
              </w:rPr>
            </w:pPr>
            <w:r>
              <w:rPr>
                <w:sz w:val="24"/>
                <w:szCs w:val="24"/>
              </w:rPr>
              <w:t>Web-scraping layer</w:t>
            </w:r>
          </w:p>
        </w:tc>
        <w:tc>
          <w:tcPr>
            <w:tcW w:w="1985" w:type="dxa"/>
          </w:tcPr>
          <w:p w14:paraId="27204421" w14:textId="7009DA12" w:rsidR="00970368" w:rsidRDefault="00727AF9" w:rsidP="00A020EF">
            <w:pPr>
              <w:rPr>
                <w:sz w:val="24"/>
                <w:szCs w:val="24"/>
              </w:rPr>
            </w:pPr>
            <w:r>
              <w:rPr>
                <w:sz w:val="24"/>
                <w:szCs w:val="24"/>
              </w:rPr>
              <w:t>Write to database</w:t>
            </w:r>
          </w:p>
        </w:tc>
        <w:tc>
          <w:tcPr>
            <w:tcW w:w="2551" w:type="dxa"/>
          </w:tcPr>
          <w:p w14:paraId="1BE276D7" w14:textId="05F4CB28" w:rsidR="00970368" w:rsidRDefault="00727AF9" w:rsidP="00A020EF">
            <w:pPr>
              <w:rPr>
                <w:sz w:val="24"/>
                <w:szCs w:val="24"/>
              </w:rPr>
            </w:pPr>
            <w:r>
              <w:rPr>
                <w:sz w:val="24"/>
                <w:szCs w:val="24"/>
              </w:rPr>
              <w:t>Writes the sentiment</w:t>
            </w:r>
            <w:r w:rsidR="00F52E92">
              <w:rPr>
                <w:sz w:val="24"/>
                <w:szCs w:val="24"/>
              </w:rPr>
              <w:t>, and company data, into the database.</w:t>
            </w:r>
          </w:p>
        </w:tc>
        <w:tc>
          <w:tcPr>
            <w:tcW w:w="3232" w:type="dxa"/>
          </w:tcPr>
          <w:p w14:paraId="59F5C935" w14:textId="29417AAA" w:rsidR="00970368" w:rsidRDefault="00F52E92" w:rsidP="00A020EF">
            <w:pPr>
              <w:rPr>
                <w:sz w:val="24"/>
                <w:szCs w:val="24"/>
              </w:rPr>
            </w:pPr>
            <w:r>
              <w:rPr>
                <w:sz w:val="24"/>
                <w:szCs w:val="24"/>
              </w:rPr>
              <w:t>Makes this data available for use by the Machine Learning layer and the Web layer</w:t>
            </w:r>
          </w:p>
        </w:tc>
      </w:tr>
    </w:tbl>
    <w:p w14:paraId="4CCD5092" w14:textId="77777777" w:rsidR="00F52E92" w:rsidRDefault="00F52E92" w:rsidP="00A020EF">
      <w:pPr>
        <w:pStyle w:val="Heading1"/>
      </w:pPr>
    </w:p>
    <w:p w14:paraId="303BA4F2" w14:textId="77777777" w:rsidR="00F52E92" w:rsidRDefault="00F52E92" w:rsidP="00A020EF">
      <w:pPr>
        <w:pStyle w:val="Heading1"/>
      </w:pPr>
    </w:p>
    <w:p w14:paraId="0703A423" w14:textId="77777777" w:rsidR="00F52E92" w:rsidRDefault="00F52E92" w:rsidP="00A020EF">
      <w:pPr>
        <w:pStyle w:val="Heading1"/>
      </w:pPr>
    </w:p>
    <w:p w14:paraId="28B9D45F" w14:textId="77777777" w:rsidR="00F52E92" w:rsidRDefault="00F52E92" w:rsidP="00A020EF">
      <w:pPr>
        <w:pStyle w:val="Heading1"/>
      </w:pPr>
    </w:p>
    <w:p w14:paraId="4D3CA76C" w14:textId="77777777" w:rsidR="00F52E92" w:rsidRDefault="00F52E92" w:rsidP="00A020EF">
      <w:pPr>
        <w:pStyle w:val="Heading1"/>
      </w:pPr>
    </w:p>
    <w:p w14:paraId="4B54721F" w14:textId="77777777" w:rsidR="00F52E92" w:rsidRDefault="00F52E92" w:rsidP="00A020EF">
      <w:pPr>
        <w:pStyle w:val="Heading1"/>
      </w:pPr>
    </w:p>
    <w:p w14:paraId="2C95677B" w14:textId="4F5A8003" w:rsidR="00F52E92" w:rsidRDefault="00F52E92" w:rsidP="00A020EF">
      <w:pPr>
        <w:pStyle w:val="Heading1"/>
      </w:pPr>
    </w:p>
    <w:p w14:paraId="5DEDD9AA" w14:textId="08C44227" w:rsidR="00F52E92" w:rsidRDefault="00F52E92" w:rsidP="00F52E92"/>
    <w:p w14:paraId="6C2A7B27" w14:textId="34C36EB8" w:rsidR="00F52E92" w:rsidRDefault="00F52E92" w:rsidP="00F52E92"/>
    <w:p w14:paraId="6E3705FC" w14:textId="6F03D545" w:rsidR="00F52E92" w:rsidRDefault="00F52E92" w:rsidP="00A020EF">
      <w:pPr>
        <w:pStyle w:val="Heading1"/>
      </w:pPr>
    </w:p>
    <w:p w14:paraId="0119AD09" w14:textId="510FD436" w:rsidR="00F52E92" w:rsidRDefault="00F52E92" w:rsidP="00F52E92"/>
    <w:p w14:paraId="674D0052" w14:textId="77777777" w:rsidR="00F52E92" w:rsidRPr="00F52E92" w:rsidRDefault="00F52E92" w:rsidP="00F52E92"/>
    <w:p w14:paraId="22027D5D" w14:textId="1504A4E8" w:rsidR="00A020EF" w:rsidRDefault="002F7F90" w:rsidP="00A020EF">
      <w:pPr>
        <w:pStyle w:val="Heading1"/>
      </w:pPr>
      <w:r>
        <w:lastRenderedPageBreak/>
        <w:t>Non</w:t>
      </w:r>
      <w:r w:rsidR="00A0157B">
        <w:t>-Functional Requirements</w:t>
      </w:r>
    </w:p>
    <w:p w14:paraId="6BA79C77" w14:textId="4EFE250D" w:rsidR="00DE63D8" w:rsidRDefault="00EE3554" w:rsidP="00EE3554">
      <w:pPr>
        <w:pStyle w:val="Heading2"/>
      </w:pPr>
      <w:r>
        <w:t>Usability</w:t>
      </w:r>
    </w:p>
    <w:p w14:paraId="3459DA49" w14:textId="5ACD552E" w:rsidR="000D3ABE" w:rsidRDefault="006E5185" w:rsidP="00EE3554">
      <w:pPr>
        <w:rPr>
          <w:sz w:val="24"/>
          <w:szCs w:val="24"/>
        </w:rPr>
      </w:pPr>
      <w:r>
        <w:rPr>
          <w:sz w:val="24"/>
          <w:szCs w:val="24"/>
        </w:rPr>
        <w:t xml:space="preserve">The website is </w:t>
      </w:r>
      <w:r w:rsidR="00A11911">
        <w:rPr>
          <w:sz w:val="24"/>
          <w:szCs w:val="24"/>
        </w:rPr>
        <w:t xml:space="preserve">minimalistic to allow users a sleek and quick </w:t>
      </w:r>
      <w:r w:rsidR="00FE2DA3">
        <w:rPr>
          <w:sz w:val="24"/>
          <w:szCs w:val="24"/>
        </w:rPr>
        <w:t>experience. Currently</w:t>
      </w:r>
      <w:r w:rsidR="00E33449">
        <w:rPr>
          <w:sz w:val="24"/>
          <w:szCs w:val="24"/>
        </w:rPr>
        <w:t xml:space="preserve"> the website </w:t>
      </w:r>
      <w:r w:rsidR="006A33D4">
        <w:rPr>
          <w:sz w:val="24"/>
          <w:szCs w:val="24"/>
        </w:rPr>
        <w:t>consists of two pages; one for searching for and selecting the company you are interest</w:t>
      </w:r>
      <w:r w:rsidR="00C078DF">
        <w:rPr>
          <w:sz w:val="24"/>
          <w:szCs w:val="24"/>
        </w:rPr>
        <w:t>ed in</w:t>
      </w:r>
      <w:r w:rsidR="00C96FF0">
        <w:rPr>
          <w:sz w:val="24"/>
          <w:szCs w:val="24"/>
        </w:rPr>
        <w:t xml:space="preserve">, and the other for viewing </w:t>
      </w:r>
      <w:r w:rsidR="00440FEB">
        <w:rPr>
          <w:sz w:val="24"/>
          <w:szCs w:val="24"/>
        </w:rPr>
        <w:t>specific information about the company you have chosen.</w:t>
      </w:r>
      <w:r w:rsidR="00821EF6">
        <w:rPr>
          <w:sz w:val="24"/>
          <w:szCs w:val="24"/>
        </w:rPr>
        <w:t xml:space="preserve"> </w:t>
      </w:r>
      <w:r w:rsidR="00EC2859">
        <w:rPr>
          <w:sz w:val="24"/>
          <w:szCs w:val="24"/>
        </w:rPr>
        <w:t xml:space="preserve">All of the complicated mechanisms of the web-app’s functionality </w:t>
      </w:r>
      <w:r w:rsidR="000027DB">
        <w:rPr>
          <w:sz w:val="24"/>
          <w:szCs w:val="24"/>
        </w:rPr>
        <w:t>are</w:t>
      </w:r>
      <w:r w:rsidR="00EC2859">
        <w:rPr>
          <w:sz w:val="24"/>
          <w:szCs w:val="24"/>
        </w:rPr>
        <w:t xml:space="preserve"> effectively hidden from the user. </w:t>
      </w:r>
      <w:r w:rsidR="002A02B1">
        <w:rPr>
          <w:sz w:val="24"/>
          <w:szCs w:val="24"/>
        </w:rPr>
        <w:t>The data that is displa</w:t>
      </w:r>
      <w:r w:rsidR="000D3ABE">
        <w:rPr>
          <w:sz w:val="24"/>
          <w:szCs w:val="24"/>
        </w:rPr>
        <w:t xml:space="preserve">yed is simple enough to be understood by a layman unfamiliar with the world of stock </w:t>
      </w:r>
      <w:r w:rsidR="003C6BA5">
        <w:rPr>
          <w:sz w:val="24"/>
          <w:szCs w:val="24"/>
        </w:rPr>
        <w:t>trading yet</w:t>
      </w:r>
      <w:r w:rsidR="000D3ABE">
        <w:rPr>
          <w:sz w:val="24"/>
          <w:szCs w:val="24"/>
        </w:rPr>
        <w:t xml:space="preserve"> is gathered and processed in a way that even experienced traders should fine pertinent to their success.</w:t>
      </w:r>
    </w:p>
    <w:p w14:paraId="260433F1" w14:textId="7C4FED82" w:rsidR="000D3ABE" w:rsidRDefault="000D3ABE" w:rsidP="000D3ABE">
      <w:pPr>
        <w:pStyle w:val="Heading2"/>
      </w:pPr>
      <w:r>
        <w:t>Reliability</w:t>
      </w:r>
    </w:p>
    <w:p w14:paraId="21578239" w14:textId="565760B3" w:rsidR="000D3ABE" w:rsidRDefault="00125F9F" w:rsidP="000D3ABE">
      <w:pPr>
        <w:rPr>
          <w:sz w:val="24"/>
          <w:szCs w:val="24"/>
        </w:rPr>
      </w:pPr>
      <w:r>
        <w:rPr>
          <w:sz w:val="24"/>
          <w:szCs w:val="24"/>
        </w:rPr>
        <w:t>The success and future of the service</w:t>
      </w:r>
      <w:r w:rsidR="008B28F7">
        <w:rPr>
          <w:sz w:val="24"/>
          <w:szCs w:val="24"/>
        </w:rPr>
        <w:t xml:space="preserve"> relies heavily on the reliability of the predictions that the service can offer, and how reliably users can access this information.</w:t>
      </w:r>
      <w:r w:rsidR="009220E4">
        <w:rPr>
          <w:sz w:val="24"/>
          <w:szCs w:val="24"/>
        </w:rPr>
        <w:t xml:space="preserve"> To this end, we should be </w:t>
      </w:r>
      <w:r w:rsidR="00E27BAE">
        <w:rPr>
          <w:sz w:val="24"/>
          <w:szCs w:val="24"/>
        </w:rPr>
        <w:t>constantly</w:t>
      </w:r>
      <w:r w:rsidR="009220E4">
        <w:rPr>
          <w:sz w:val="24"/>
          <w:szCs w:val="24"/>
        </w:rPr>
        <w:t xml:space="preserve"> aware </w:t>
      </w:r>
      <w:r w:rsidR="0084375E">
        <w:rPr>
          <w:sz w:val="24"/>
          <w:szCs w:val="24"/>
        </w:rPr>
        <w:t xml:space="preserve">of ways that we can intelligently steer the learning of the neural network. Both by </w:t>
      </w:r>
      <w:r w:rsidR="00E27BAE">
        <w:rPr>
          <w:sz w:val="24"/>
          <w:szCs w:val="24"/>
        </w:rPr>
        <w:t>altering the data being fed to the network and the networks over all structure itself.</w:t>
      </w:r>
      <w:r w:rsidR="00656F76">
        <w:rPr>
          <w:sz w:val="24"/>
          <w:szCs w:val="24"/>
        </w:rPr>
        <w:t xml:space="preserve"> The purpose of the app is too of course </w:t>
      </w:r>
      <w:r w:rsidR="00DC7918">
        <w:rPr>
          <w:sz w:val="24"/>
          <w:szCs w:val="24"/>
        </w:rPr>
        <w:t>finding</w:t>
      </w:r>
      <w:r w:rsidR="00656F76">
        <w:rPr>
          <w:sz w:val="24"/>
          <w:szCs w:val="24"/>
        </w:rPr>
        <w:t xml:space="preserve"> patterns that humans would not be able to see, using data that is far too vast for </w:t>
      </w:r>
      <w:r w:rsidR="00CD4F4C">
        <w:rPr>
          <w:sz w:val="24"/>
          <w:szCs w:val="24"/>
        </w:rPr>
        <w:t xml:space="preserve">humans to process. But this does </w:t>
      </w:r>
      <w:r w:rsidR="00DC7918">
        <w:rPr>
          <w:sz w:val="24"/>
          <w:szCs w:val="24"/>
        </w:rPr>
        <w:t>not</w:t>
      </w:r>
      <w:r w:rsidR="00CD4F4C">
        <w:rPr>
          <w:sz w:val="24"/>
          <w:szCs w:val="24"/>
        </w:rPr>
        <w:t xml:space="preserve"> mean that all of the work has been done, and that the </w:t>
      </w:r>
      <w:r w:rsidR="00DC7918">
        <w:rPr>
          <w:sz w:val="24"/>
          <w:szCs w:val="24"/>
        </w:rPr>
        <w:t>algorithm</w:t>
      </w:r>
      <w:r w:rsidR="00CD4F4C">
        <w:rPr>
          <w:sz w:val="24"/>
          <w:szCs w:val="24"/>
        </w:rPr>
        <w:t xml:space="preserve"> will take it from here. Instead we should us our human intelligence</w:t>
      </w:r>
      <w:r w:rsidR="00DC7918">
        <w:rPr>
          <w:sz w:val="24"/>
          <w:szCs w:val="24"/>
        </w:rPr>
        <w:t xml:space="preserve"> to gauge the effectiveness of the service and </w:t>
      </w:r>
      <w:r w:rsidR="00B934DE">
        <w:rPr>
          <w:sz w:val="24"/>
          <w:szCs w:val="24"/>
        </w:rPr>
        <w:t>lightly</w:t>
      </w:r>
      <w:r w:rsidR="00DC7918">
        <w:rPr>
          <w:sz w:val="24"/>
          <w:szCs w:val="24"/>
        </w:rPr>
        <w:t xml:space="preserve"> steer operations when the need arises.</w:t>
      </w:r>
    </w:p>
    <w:p w14:paraId="7125A823" w14:textId="3C4F3BB0" w:rsidR="00B934DE" w:rsidRDefault="00783FA8" w:rsidP="00783FA8">
      <w:pPr>
        <w:pStyle w:val="Heading2"/>
      </w:pPr>
      <w:r>
        <w:t>Availability</w:t>
      </w:r>
    </w:p>
    <w:p w14:paraId="46B1B105" w14:textId="347F2B8E" w:rsidR="00EE6F6F" w:rsidRDefault="004F4FC3" w:rsidP="00EE6F6F">
      <w:pPr>
        <w:rPr>
          <w:sz w:val="24"/>
          <w:szCs w:val="24"/>
        </w:rPr>
      </w:pPr>
      <w:r>
        <w:rPr>
          <w:sz w:val="24"/>
          <w:szCs w:val="24"/>
        </w:rPr>
        <w:t xml:space="preserve">The web app will be ready for use instantly with no </w:t>
      </w:r>
      <w:r w:rsidR="00AE68F2">
        <w:rPr>
          <w:sz w:val="24"/>
          <w:szCs w:val="24"/>
        </w:rPr>
        <w:t>download or installation required by the user.</w:t>
      </w:r>
      <w:r w:rsidR="00084B60">
        <w:rPr>
          <w:sz w:val="24"/>
          <w:szCs w:val="24"/>
        </w:rPr>
        <w:t xml:space="preserve"> The service will be </w:t>
      </w:r>
      <w:r w:rsidR="008B770B">
        <w:rPr>
          <w:sz w:val="24"/>
          <w:szCs w:val="24"/>
        </w:rPr>
        <w:t xml:space="preserve">continuously available at all times that the servers are </w:t>
      </w:r>
      <w:r w:rsidR="002657FF">
        <w:rPr>
          <w:sz w:val="24"/>
          <w:szCs w:val="24"/>
        </w:rPr>
        <w:t>active and</w:t>
      </w:r>
      <w:r w:rsidR="006725F3">
        <w:rPr>
          <w:sz w:val="24"/>
          <w:szCs w:val="24"/>
        </w:rPr>
        <w:t xml:space="preserve"> will require no input from the user.</w:t>
      </w:r>
    </w:p>
    <w:p w14:paraId="468BCFB2" w14:textId="7CABAF02" w:rsidR="008B71D3" w:rsidRDefault="008B71D3" w:rsidP="00EE6F6F">
      <w:pPr>
        <w:rPr>
          <w:sz w:val="24"/>
          <w:szCs w:val="24"/>
        </w:rPr>
      </w:pPr>
    </w:p>
    <w:p w14:paraId="6165EDA4" w14:textId="1E5A879E" w:rsidR="008B71D3" w:rsidRDefault="008B71D3" w:rsidP="00EE6F6F">
      <w:pPr>
        <w:rPr>
          <w:sz w:val="24"/>
          <w:szCs w:val="24"/>
        </w:rPr>
      </w:pPr>
    </w:p>
    <w:p w14:paraId="1211867A" w14:textId="4560B423" w:rsidR="008B71D3" w:rsidRDefault="008B71D3" w:rsidP="00EE6F6F">
      <w:pPr>
        <w:rPr>
          <w:sz w:val="24"/>
          <w:szCs w:val="24"/>
        </w:rPr>
      </w:pPr>
    </w:p>
    <w:p w14:paraId="29EB76F0" w14:textId="493E8EF5" w:rsidR="008B71D3" w:rsidRDefault="008B71D3" w:rsidP="00EE6F6F">
      <w:pPr>
        <w:rPr>
          <w:sz w:val="24"/>
          <w:szCs w:val="24"/>
        </w:rPr>
      </w:pPr>
    </w:p>
    <w:p w14:paraId="7FFF2890" w14:textId="7AC41B2A" w:rsidR="008B71D3" w:rsidRDefault="008B71D3" w:rsidP="00EE6F6F">
      <w:pPr>
        <w:rPr>
          <w:sz w:val="24"/>
          <w:szCs w:val="24"/>
        </w:rPr>
      </w:pPr>
    </w:p>
    <w:p w14:paraId="50530807" w14:textId="101233E4" w:rsidR="008B71D3" w:rsidRDefault="008B71D3" w:rsidP="00EE6F6F">
      <w:pPr>
        <w:rPr>
          <w:sz w:val="24"/>
          <w:szCs w:val="24"/>
        </w:rPr>
      </w:pPr>
    </w:p>
    <w:p w14:paraId="255D6D19" w14:textId="0C2F2590" w:rsidR="00F52E92" w:rsidRDefault="00F52E92" w:rsidP="00EE6F6F">
      <w:pPr>
        <w:rPr>
          <w:sz w:val="24"/>
          <w:szCs w:val="24"/>
        </w:rPr>
      </w:pPr>
    </w:p>
    <w:p w14:paraId="07C0B1C0" w14:textId="1140225D" w:rsidR="00F52E92" w:rsidRDefault="00F52E92" w:rsidP="00EE6F6F">
      <w:pPr>
        <w:rPr>
          <w:sz w:val="24"/>
          <w:szCs w:val="24"/>
        </w:rPr>
      </w:pPr>
    </w:p>
    <w:p w14:paraId="64730653" w14:textId="77777777" w:rsidR="00945841" w:rsidRDefault="00945841" w:rsidP="00EE6F6F">
      <w:pPr>
        <w:rPr>
          <w:sz w:val="24"/>
          <w:szCs w:val="24"/>
        </w:rPr>
      </w:pPr>
    </w:p>
    <w:p w14:paraId="5600904A" w14:textId="6EAC47EA" w:rsidR="008B71D3" w:rsidRDefault="008B71D3" w:rsidP="00EE6F6F">
      <w:pPr>
        <w:rPr>
          <w:sz w:val="24"/>
          <w:szCs w:val="24"/>
        </w:rPr>
      </w:pPr>
    </w:p>
    <w:p w14:paraId="624FBE76" w14:textId="56D8EE1A" w:rsidR="008B71D3" w:rsidRDefault="008B71D3" w:rsidP="008B71D3">
      <w:pPr>
        <w:pStyle w:val="Heading1"/>
      </w:pPr>
      <w:r>
        <w:lastRenderedPageBreak/>
        <w:t>Design</w:t>
      </w:r>
    </w:p>
    <w:p w14:paraId="5B3347DD" w14:textId="1FBBB713" w:rsidR="008B71D3" w:rsidRDefault="008B71D3" w:rsidP="008B71D3">
      <w:pPr>
        <w:pStyle w:val="Heading2"/>
      </w:pPr>
      <w:r>
        <w:t>Technologies Utilized</w:t>
      </w:r>
    </w:p>
    <w:p w14:paraId="7F6B20C6" w14:textId="16954408" w:rsidR="008B71D3" w:rsidRDefault="000B2090" w:rsidP="008B71D3">
      <w:pPr>
        <w:rPr>
          <w:sz w:val="24"/>
          <w:szCs w:val="24"/>
        </w:rPr>
      </w:pPr>
      <w:r>
        <w:rPr>
          <w:sz w:val="24"/>
          <w:szCs w:val="24"/>
        </w:rPr>
        <w:t>A large plethora of technologies were utilized in the development of Plutocrat</w:t>
      </w:r>
      <w:r w:rsidR="00397FF5">
        <w:rPr>
          <w:sz w:val="24"/>
          <w:szCs w:val="24"/>
        </w:rPr>
        <w:t xml:space="preserve">. The main technologies </w:t>
      </w:r>
      <w:r w:rsidR="00960D52">
        <w:rPr>
          <w:sz w:val="24"/>
          <w:szCs w:val="24"/>
        </w:rPr>
        <w:t>used are listed below. The main languages utilized were Java and Pytho</w:t>
      </w:r>
      <w:r w:rsidR="00E53DEB">
        <w:rPr>
          <w:sz w:val="24"/>
          <w:szCs w:val="24"/>
        </w:rPr>
        <w:t>n</w:t>
      </w:r>
      <w:r w:rsidR="00960D52">
        <w:rPr>
          <w:sz w:val="24"/>
          <w:szCs w:val="24"/>
        </w:rPr>
        <w:t xml:space="preserve">, with </w:t>
      </w:r>
      <w:r w:rsidR="0089721B">
        <w:rPr>
          <w:sz w:val="24"/>
          <w:szCs w:val="24"/>
        </w:rPr>
        <w:t>an</w:t>
      </w:r>
      <w:r w:rsidR="00960D52">
        <w:rPr>
          <w:sz w:val="24"/>
          <w:szCs w:val="24"/>
        </w:rPr>
        <w:t xml:space="preserve"> amount of </w:t>
      </w:r>
      <w:r w:rsidR="00711907">
        <w:rPr>
          <w:sz w:val="24"/>
          <w:szCs w:val="24"/>
        </w:rPr>
        <w:t>HTML and XML for webservice functionality, database</w:t>
      </w:r>
      <w:r w:rsidR="00C759D4">
        <w:rPr>
          <w:sz w:val="24"/>
          <w:szCs w:val="24"/>
        </w:rPr>
        <w:t xml:space="preserve"> </w:t>
      </w:r>
      <w:r w:rsidR="00E62126">
        <w:rPr>
          <w:sz w:val="24"/>
          <w:szCs w:val="24"/>
        </w:rPr>
        <w:t>persistence</w:t>
      </w:r>
      <w:r w:rsidR="00711907">
        <w:rPr>
          <w:sz w:val="24"/>
          <w:szCs w:val="24"/>
        </w:rPr>
        <w:t>, and</w:t>
      </w:r>
      <w:r w:rsidR="00C759D4">
        <w:rPr>
          <w:sz w:val="24"/>
          <w:szCs w:val="24"/>
        </w:rPr>
        <w:t xml:space="preserve"> maven dependency management.</w:t>
      </w:r>
    </w:p>
    <w:tbl>
      <w:tblPr>
        <w:tblW w:w="0" w:type="auto"/>
        <w:tblLook w:val="04A0" w:firstRow="1" w:lastRow="0" w:firstColumn="1" w:lastColumn="0" w:noHBand="0" w:noVBand="1"/>
      </w:tblPr>
      <w:tblGrid>
        <w:gridCol w:w="4806"/>
        <w:gridCol w:w="4220"/>
      </w:tblGrid>
      <w:tr w:rsidR="00BC242F" w14:paraId="01AE8164" w14:textId="77777777" w:rsidTr="000A20BB">
        <w:tc>
          <w:tcPr>
            <w:tcW w:w="4806" w:type="dxa"/>
          </w:tcPr>
          <w:p w14:paraId="26AD424A" w14:textId="448A6A52" w:rsidR="009F0736" w:rsidRDefault="00C40C08" w:rsidP="008B71D3">
            <w:pPr>
              <w:rPr>
                <w:sz w:val="24"/>
                <w:szCs w:val="24"/>
              </w:rPr>
            </w:pPr>
            <w:r>
              <w:rPr>
                <w:noProof/>
              </w:rPr>
              <w:drawing>
                <wp:inline distT="0" distB="0" distL="0" distR="0" wp14:anchorId="4A3F82EB" wp14:editId="30305BE4">
                  <wp:extent cx="2697480" cy="2660015"/>
                  <wp:effectExtent l="0" t="0" r="7620" b="6985"/>
                  <wp:docPr id="2" name="Picture 2" descr="How to import a simple Java project into the Eclipse IDE - Algol.dev"/>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How to import a simple Java project into the Eclipse IDE - Algol.dev"/>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2743028" cy="2704930"/>
                          </a:xfrm>
                          <a:prstGeom prst="rect">
                            <a:avLst/>
                          </a:prstGeom>
                          <a:noFill/>
                          <a:ln>
                            <a:noFill/>
                          </a:ln>
                        </pic:spPr>
                      </pic:pic>
                    </a:graphicData>
                  </a:graphic>
                </wp:inline>
              </w:drawing>
            </w:r>
          </w:p>
        </w:tc>
        <w:tc>
          <w:tcPr>
            <w:tcW w:w="4220" w:type="dxa"/>
          </w:tcPr>
          <w:p w14:paraId="49F8912F" w14:textId="1A849056" w:rsidR="009F0736" w:rsidRPr="002641E7" w:rsidRDefault="009D42CF" w:rsidP="008B71D3">
            <w:pPr>
              <w:rPr>
                <w:b/>
                <w:bCs/>
                <w:sz w:val="24"/>
                <w:szCs w:val="24"/>
              </w:rPr>
            </w:pPr>
            <w:r w:rsidRPr="002641E7">
              <w:rPr>
                <w:b/>
                <w:bCs/>
                <w:sz w:val="24"/>
                <w:szCs w:val="24"/>
              </w:rPr>
              <w:t>Ec</w:t>
            </w:r>
            <w:r w:rsidR="003D49DB" w:rsidRPr="002641E7">
              <w:rPr>
                <w:b/>
                <w:bCs/>
                <w:sz w:val="24"/>
                <w:szCs w:val="24"/>
              </w:rPr>
              <w:t xml:space="preserve">lipse IDE and JEE </w:t>
            </w:r>
            <w:r w:rsidR="00647229">
              <w:rPr>
                <w:b/>
                <w:bCs/>
                <w:sz w:val="24"/>
                <w:szCs w:val="24"/>
              </w:rPr>
              <w:t>for</w:t>
            </w:r>
            <w:r w:rsidR="003D49DB" w:rsidRPr="002641E7">
              <w:rPr>
                <w:b/>
                <w:bCs/>
                <w:sz w:val="24"/>
                <w:szCs w:val="24"/>
              </w:rPr>
              <w:t xml:space="preserve"> Java developers</w:t>
            </w:r>
          </w:p>
          <w:p w14:paraId="6439D0DB" w14:textId="619EFBCC" w:rsidR="006608FD" w:rsidRDefault="005F4409" w:rsidP="008B71D3">
            <w:pPr>
              <w:rPr>
                <w:sz w:val="24"/>
                <w:szCs w:val="24"/>
              </w:rPr>
            </w:pPr>
            <w:r>
              <w:rPr>
                <w:sz w:val="24"/>
                <w:szCs w:val="24"/>
              </w:rPr>
              <w:t xml:space="preserve">Two of Plutocrat’s 3 layers are coded in java. </w:t>
            </w:r>
            <w:r w:rsidR="00646A75">
              <w:rPr>
                <w:sz w:val="24"/>
                <w:szCs w:val="24"/>
              </w:rPr>
              <w:t>The lay</w:t>
            </w:r>
            <w:r w:rsidR="0038445D">
              <w:rPr>
                <w:sz w:val="24"/>
                <w:szCs w:val="24"/>
              </w:rPr>
              <w:t>ers</w:t>
            </w:r>
            <w:r w:rsidR="00646A75">
              <w:rPr>
                <w:sz w:val="24"/>
                <w:szCs w:val="24"/>
              </w:rPr>
              <w:t xml:space="preserve"> pertaining to </w:t>
            </w:r>
            <w:r w:rsidR="0038445D">
              <w:rPr>
                <w:sz w:val="24"/>
                <w:szCs w:val="24"/>
              </w:rPr>
              <w:t>web scrapping</w:t>
            </w:r>
            <w:r w:rsidR="00A05FB4">
              <w:rPr>
                <w:sz w:val="24"/>
                <w:szCs w:val="24"/>
              </w:rPr>
              <w:t xml:space="preserve"> with </w:t>
            </w:r>
            <w:r w:rsidR="00A05FB4">
              <w:rPr>
                <w:b/>
                <w:bCs/>
                <w:sz w:val="24"/>
                <w:szCs w:val="24"/>
              </w:rPr>
              <w:t>JSOUP</w:t>
            </w:r>
            <w:r w:rsidR="00746B15">
              <w:rPr>
                <w:sz w:val="24"/>
                <w:szCs w:val="24"/>
              </w:rPr>
              <w:t xml:space="preserve">, sentiment analysis with </w:t>
            </w:r>
            <w:r w:rsidR="00746B15">
              <w:rPr>
                <w:b/>
                <w:bCs/>
                <w:sz w:val="24"/>
                <w:szCs w:val="24"/>
              </w:rPr>
              <w:t>Stanford</w:t>
            </w:r>
            <w:r w:rsidR="00C41A67">
              <w:rPr>
                <w:b/>
                <w:bCs/>
                <w:sz w:val="24"/>
                <w:szCs w:val="24"/>
              </w:rPr>
              <w:t xml:space="preserve"> </w:t>
            </w:r>
            <w:r w:rsidR="00746B15">
              <w:rPr>
                <w:b/>
                <w:bCs/>
                <w:sz w:val="24"/>
                <w:szCs w:val="24"/>
              </w:rPr>
              <w:t>NLP</w:t>
            </w:r>
            <w:r w:rsidR="00746B15">
              <w:rPr>
                <w:sz w:val="24"/>
                <w:szCs w:val="24"/>
              </w:rPr>
              <w:t xml:space="preserve">, and </w:t>
            </w:r>
            <w:r w:rsidR="00647229">
              <w:rPr>
                <w:sz w:val="24"/>
                <w:szCs w:val="24"/>
              </w:rPr>
              <w:t xml:space="preserve">saving this data to a </w:t>
            </w:r>
            <w:r w:rsidR="00647229">
              <w:rPr>
                <w:b/>
                <w:bCs/>
                <w:sz w:val="24"/>
                <w:szCs w:val="24"/>
              </w:rPr>
              <w:t>MySQL</w:t>
            </w:r>
            <w:r w:rsidR="00F247BD">
              <w:rPr>
                <w:sz w:val="24"/>
                <w:szCs w:val="24"/>
              </w:rPr>
              <w:t xml:space="preserve"> database using </w:t>
            </w:r>
            <w:r w:rsidR="00F247BD">
              <w:rPr>
                <w:b/>
                <w:bCs/>
                <w:sz w:val="24"/>
                <w:szCs w:val="24"/>
              </w:rPr>
              <w:t>Hibernate ORM</w:t>
            </w:r>
            <w:r w:rsidR="00F247BD">
              <w:rPr>
                <w:sz w:val="24"/>
                <w:szCs w:val="24"/>
              </w:rPr>
              <w:t>, w</w:t>
            </w:r>
            <w:r w:rsidR="0038445D">
              <w:rPr>
                <w:sz w:val="24"/>
                <w:szCs w:val="24"/>
              </w:rPr>
              <w:t>ere created with Eclipse IDE</w:t>
            </w:r>
            <w:r w:rsidR="00716C30">
              <w:rPr>
                <w:sz w:val="24"/>
                <w:szCs w:val="24"/>
              </w:rPr>
              <w:t>.</w:t>
            </w:r>
          </w:p>
          <w:p w14:paraId="12E5DBE4" w14:textId="77777777" w:rsidR="00716C30" w:rsidRDefault="00716C30" w:rsidP="008B71D3">
            <w:pPr>
              <w:rPr>
                <w:sz w:val="24"/>
                <w:szCs w:val="24"/>
              </w:rPr>
            </w:pPr>
            <w:r>
              <w:rPr>
                <w:sz w:val="24"/>
                <w:szCs w:val="24"/>
              </w:rPr>
              <w:t>The webservice layer which</w:t>
            </w:r>
            <w:r w:rsidR="00660053">
              <w:rPr>
                <w:sz w:val="24"/>
                <w:szCs w:val="24"/>
              </w:rPr>
              <w:t xml:space="preserve"> utilised a </w:t>
            </w:r>
            <w:r w:rsidR="00660053">
              <w:rPr>
                <w:b/>
                <w:bCs/>
                <w:sz w:val="24"/>
                <w:szCs w:val="24"/>
              </w:rPr>
              <w:t>Spring MVC</w:t>
            </w:r>
            <w:r w:rsidR="003D3E57">
              <w:rPr>
                <w:b/>
                <w:bCs/>
                <w:sz w:val="24"/>
                <w:szCs w:val="24"/>
              </w:rPr>
              <w:t xml:space="preserve"> </w:t>
            </w:r>
            <w:r w:rsidR="003D3E57">
              <w:rPr>
                <w:sz w:val="24"/>
                <w:szCs w:val="24"/>
              </w:rPr>
              <w:t xml:space="preserve">framework to retrieve the data from the </w:t>
            </w:r>
            <w:r w:rsidR="003D3E57">
              <w:rPr>
                <w:b/>
                <w:bCs/>
                <w:sz w:val="24"/>
                <w:szCs w:val="24"/>
              </w:rPr>
              <w:t>MySQL</w:t>
            </w:r>
            <w:r w:rsidR="005C3FF6">
              <w:rPr>
                <w:b/>
                <w:bCs/>
                <w:sz w:val="24"/>
                <w:szCs w:val="24"/>
              </w:rPr>
              <w:t xml:space="preserve"> </w:t>
            </w:r>
            <w:r w:rsidR="005C3FF6">
              <w:rPr>
                <w:sz w:val="24"/>
                <w:szCs w:val="24"/>
              </w:rPr>
              <w:t xml:space="preserve">database, again, using </w:t>
            </w:r>
            <w:r w:rsidR="005C3FF6">
              <w:rPr>
                <w:b/>
                <w:bCs/>
                <w:sz w:val="24"/>
                <w:szCs w:val="24"/>
              </w:rPr>
              <w:t>Hibernate</w:t>
            </w:r>
            <w:r w:rsidR="005C3FF6">
              <w:rPr>
                <w:sz w:val="24"/>
                <w:szCs w:val="24"/>
              </w:rPr>
              <w:t xml:space="preserve">, utilised </w:t>
            </w:r>
            <w:r w:rsidR="00C25D41">
              <w:rPr>
                <w:sz w:val="24"/>
                <w:szCs w:val="24"/>
              </w:rPr>
              <w:t>Eclipse JEE to create a dynamic web project</w:t>
            </w:r>
            <w:r w:rsidR="00C41A67">
              <w:rPr>
                <w:sz w:val="24"/>
                <w:szCs w:val="24"/>
              </w:rPr>
              <w:t xml:space="preserve"> on an </w:t>
            </w:r>
            <w:r w:rsidR="00C41A67">
              <w:rPr>
                <w:b/>
                <w:bCs/>
                <w:sz w:val="24"/>
                <w:szCs w:val="24"/>
              </w:rPr>
              <w:t xml:space="preserve">Apache Tomcat </w:t>
            </w:r>
            <w:r w:rsidR="00C41A67">
              <w:rPr>
                <w:sz w:val="24"/>
                <w:szCs w:val="24"/>
              </w:rPr>
              <w:t>server.</w:t>
            </w:r>
          </w:p>
          <w:p w14:paraId="396226C4" w14:textId="77777777" w:rsidR="006608FD" w:rsidRDefault="006608FD" w:rsidP="008B71D3">
            <w:pPr>
              <w:rPr>
                <w:sz w:val="24"/>
                <w:szCs w:val="24"/>
              </w:rPr>
            </w:pPr>
          </w:p>
          <w:p w14:paraId="5FD4CC4D" w14:textId="2B2EB1A7" w:rsidR="00284950" w:rsidRPr="00C41A67" w:rsidRDefault="00284950" w:rsidP="008B71D3">
            <w:pPr>
              <w:rPr>
                <w:sz w:val="24"/>
                <w:szCs w:val="24"/>
              </w:rPr>
            </w:pPr>
          </w:p>
        </w:tc>
      </w:tr>
      <w:tr w:rsidR="00BC242F" w14:paraId="1022E5ED" w14:textId="77777777" w:rsidTr="000A20BB">
        <w:tc>
          <w:tcPr>
            <w:tcW w:w="4806" w:type="dxa"/>
          </w:tcPr>
          <w:p w14:paraId="1EA67D85" w14:textId="0D7187A2" w:rsidR="009F0736" w:rsidRDefault="00770FBD" w:rsidP="008B71D3">
            <w:pPr>
              <w:rPr>
                <w:sz w:val="24"/>
                <w:szCs w:val="24"/>
              </w:rPr>
            </w:pPr>
            <w:r>
              <w:rPr>
                <w:noProof/>
              </w:rPr>
              <w:drawing>
                <wp:inline distT="0" distB="0" distL="0" distR="0" wp14:anchorId="49DC630D" wp14:editId="1FB1296A">
                  <wp:extent cx="2773680" cy="1617980"/>
                  <wp:effectExtent l="0" t="0" r="0" b="0"/>
                  <wp:docPr id="3" name="Picture 3" descr="Top VS Code Extensions to Improve Your Productivity | SyntaxSofts ..."/>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Top VS Code Extensions to Improve Your Productivity | SyntaxSofts ..."/>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2853569" cy="1664582"/>
                          </a:xfrm>
                          <a:prstGeom prst="rect">
                            <a:avLst/>
                          </a:prstGeom>
                          <a:noFill/>
                          <a:ln>
                            <a:noFill/>
                          </a:ln>
                        </pic:spPr>
                      </pic:pic>
                    </a:graphicData>
                  </a:graphic>
                </wp:inline>
              </w:drawing>
            </w:r>
          </w:p>
        </w:tc>
        <w:tc>
          <w:tcPr>
            <w:tcW w:w="4220" w:type="dxa"/>
          </w:tcPr>
          <w:p w14:paraId="79971E66" w14:textId="77777777" w:rsidR="009F0736" w:rsidRDefault="009242A5" w:rsidP="008B71D3">
            <w:pPr>
              <w:rPr>
                <w:b/>
                <w:bCs/>
                <w:sz w:val="24"/>
                <w:szCs w:val="24"/>
              </w:rPr>
            </w:pPr>
            <w:r>
              <w:rPr>
                <w:b/>
                <w:bCs/>
                <w:sz w:val="24"/>
                <w:szCs w:val="24"/>
              </w:rPr>
              <w:t>Visual Studio Code</w:t>
            </w:r>
          </w:p>
          <w:p w14:paraId="467F0C9F" w14:textId="43A93FB7" w:rsidR="00284950" w:rsidRDefault="0054431A" w:rsidP="008B71D3">
            <w:pPr>
              <w:rPr>
                <w:sz w:val="24"/>
                <w:szCs w:val="24"/>
              </w:rPr>
            </w:pPr>
            <w:r>
              <w:rPr>
                <w:sz w:val="24"/>
                <w:szCs w:val="24"/>
              </w:rPr>
              <w:t xml:space="preserve">While the top and bottom layers of Plutocrat were created using </w:t>
            </w:r>
            <w:r w:rsidR="00E17AB3">
              <w:rPr>
                <w:b/>
                <w:bCs/>
                <w:sz w:val="24"/>
                <w:szCs w:val="24"/>
              </w:rPr>
              <w:t xml:space="preserve">Java Eclipse </w:t>
            </w:r>
            <w:r w:rsidR="00091498">
              <w:rPr>
                <w:sz w:val="24"/>
                <w:szCs w:val="24"/>
              </w:rPr>
              <w:t xml:space="preserve">the </w:t>
            </w:r>
            <w:r w:rsidR="007C6F91">
              <w:rPr>
                <w:sz w:val="24"/>
                <w:szCs w:val="24"/>
              </w:rPr>
              <w:t>intermediate</w:t>
            </w:r>
            <w:r w:rsidR="00091498">
              <w:rPr>
                <w:sz w:val="24"/>
                <w:szCs w:val="24"/>
              </w:rPr>
              <w:t xml:space="preserve"> layer was coded in Python. This layer </w:t>
            </w:r>
            <w:r w:rsidR="00827359">
              <w:rPr>
                <w:sz w:val="24"/>
                <w:szCs w:val="24"/>
              </w:rPr>
              <w:t xml:space="preserve">utilised </w:t>
            </w:r>
            <w:r w:rsidR="00827359">
              <w:rPr>
                <w:b/>
                <w:bCs/>
                <w:sz w:val="24"/>
                <w:szCs w:val="24"/>
              </w:rPr>
              <w:t xml:space="preserve">Yahoo Finance </w:t>
            </w:r>
            <w:r w:rsidR="007C6F91">
              <w:rPr>
                <w:b/>
                <w:bCs/>
                <w:sz w:val="24"/>
                <w:szCs w:val="24"/>
              </w:rPr>
              <w:t xml:space="preserve">API </w:t>
            </w:r>
            <w:r w:rsidR="007C6F91">
              <w:rPr>
                <w:sz w:val="24"/>
                <w:szCs w:val="24"/>
              </w:rPr>
              <w:t>for</w:t>
            </w:r>
            <w:r w:rsidR="00827359">
              <w:rPr>
                <w:sz w:val="24"/>
                <w:szCs w:val="24"/>
              </w:rPr>
              <w:t xml:space="preserve"> retrieving </w:t>
            </w:r>
            <w:r w:rsidR="007C6F91">
              <w:rPr>
                <w:sz w:val="24"/>
                <w:szCs w:val="24"/>
              </w:rPr>
              <w:t xml:space="preserve">financial values pertaining to each company. This information was then </w:t>
            </w:r>
            <w:r w:rsidR="00377B23">
              <w:rPr>
                <w:sz w:val="24"/>
                <w:szCs w:val="24"/>
              </w:rPr>
              <w:t xml:space="preserve">passed to a </w:t>
            </w:r>
            <w:r w:rsidR="00377B23">
              <w:rPr>
                <w:b/>
                <w:bCs/>
                <w:sz w:val="24"/>
                <w:szCs w:val="24"/>
              </w:rPr>
              <w:t xml:space="preserve">TensorFlow </w:t>
            </w:r>
            <w:r w:rsidR="00377B23">
              <w:rPr>
                <w:sz w:val="24"/>
                <w:szCs w:val="24"/>
              </w:rPr>
              <w:t>neural network al</w:t>
            </w:r>
            <w:r w:rsidR="00E71C20">
              <w:rPr>
                <w:sz w:val="24"/>
                <w:szCs w:val="24"/>
              </w:rPr>
              <w:t xml:space="preserve">ong with sentiment analysis data retrieved from the database, to </w:t>
            </w:r>
            <w:r w:rsidR="00A8139C">
              <w:rPr>
                <w:sz w:val="24"/>
                <w:szCs w:val="24"/>
              </w:rPr>
              <w:t>create the machine learning algorithm at the core of Plutocrat’s functionality.</w:t>
            </w:r>
          </w:p>
          <w:p w14:paraId="742A26E4" w14:textId="19F77CE5" w:rsidR="00284950" w:rsidRPr="00377B23" w:rsidRDefault="00284950" w:rsidP="008B71D3">
            <w:pPr>
              <w:rPr>
                <w:sz w:val="24"/>
                <w:szCs w:val="24"/>
              </w:rPr>
            </w:pPr>
          </w:p>
        </w:tc>
      </w:tr>
      <w:tr w:rsidR="00BC242F" w14:paraId="51FE750D" w14:textId="77777777" w:rsidTr="000A20BB">
        <w:tc>
          <w:tcPr>
            <w:tcW w:w="4806" w:type="dxa"/>
          </w:tcPr>
          <w:p w14:paraId="25DB7A8F" w14:textId="43399116" w:rsidR="009F0736" w:rsidRDefault="008327FF" w:rsidP="008B71D3">
            <w:pPr>
              <w:rPr>
                <w:sz w:val="24"/>
                <w:szCs w:val="24"/>
              </w:rPr>
            </w:pPr>
            <w:r>
              <w:rPr>
                <w:noProof/>
              </w:rPr>
              <w:lastRenderedPageBreak/>
              <w:drawing>
                <wp:inline distT="0" distB="0" distL="0" distR="0" wp14:anchorId="549BDAD2" wp14:editId="5DE86BFC">
                  <wp:extent cx="2842260" cy="2685445"/>
                  <wp:effectExtent l="0" t="0" r="0" b="635"/>
                  <wp:docPr id="4" name="Picture 4" descr="C:\Users\i352770\AppData\Local\Microsoft\Windows\INetCache\Content.MSO\DC4168DF.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descr="C:\Users\i352770\AppData\Local\Microsoft\Windows\INetCache\Content.MSO\DC4168DF.tmp"/>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894375" cy="2734685"/>
                          </a:xfrm>
                          <a:prstGeom prst="rect">
                            <a:avLst/>
                          </a:prstGeom>
                          <a:noFill/>
                          <a:ln>
                            <a:noFill/>
                          </a:ln>
                        </pic:spPr>
                      </pic:pic>
                    </a:graphicData>
                  </a:graphic>
                </wp:inline>
              </w:drawing>
            </w:r>
          </w:p>
        </w:tc>
        <w:tc>
          <w:tcPr>
            <w:tcW w:w="4220" w:type="dxa"/>
          </w:tcPr>
          <w:p w14:paraId="2BBCA2C9" w14:textId="77777777" w:rsidR="009F0736" w:rsidRDefault="00364F80" w:rsidP="008B71D3">
            <w:pPr>
              <w:rPr>
                <w:b/>
                <w:bCs/>
                <w:sz w:val="24"/>
                <w:szCs w:val="24"/>
              </w:rPr>
            </w:pPr>
            <w:r>
              <w:rPr>
                <w:b/>
                <w:bCs/>
                <w:sz w:val="24"/>
                <w:szCs w:val="24"/>
              </w:rPr>
              <w:t>Version Control GIT/GitHub</w:t>
            </w:r>
          </w:p>
          <w:p w14:paraId="02A18C0B" w14:textId="77777777" w:rsidR="00364F80" w:rsidRDefault="00364F80" w:rsidP="008B71D3">
            <w:pPr>
              <w:rPr>
                <w:sz w:val="24"/>
                <w:szCs w:val="24"/>
              </w:rPr>
            </w:pPr>
            <w:r>
              <w:rPr>
                <w:sz w:val="24"/>
                <w:szCs w:val="24"/>
              </w:rPr>
              <w:t xml:space="preserve">I used </w:t>
            </w:r>
            <w:r w:rsidR="00B924FF">
              <w:rPr>
                <w:sz w:val="24"/>
                <w:szCs w:val="24"/>
              </w:rPr>
              <w:t>GIT</w:t>
            </w:r>
            <w:r>
              <w:rPr>
                <w:sz w:val="24"/>
                <w:szCs w:val="24"/>
              </w:rPr>
              <w:t xml:space="preserve"> and </w:t>
            </w:r>
            <w:r w:rsidR="00B924FF">
              <w:rPr>
                <w:sz w:val="24"/>
                <w:szCs w:val="24"/>
              </w:rPr>
              <w:t>GitHub</w:t>
            </w:r>
            <w:r>
              <w:rPr>
                <w:sz w:val="24"/>
                <w:szCs w:val="24"/>
              </w:rPr>
              <w:t xml:space="preserve"> to keep a repository of the process</w:t>
            </w:r>
            <w:r w:rsidR="003613F2">
              <w:rPr>
                <w:sz w:val="24"/>
                <w:szCs w:val="24"/>
              </w:rPr>
              <w:t xml:space="preserve"> that was being made throughout the course of the project</w:t>
            </w:r>
            <w:r w:rsidR="00B924FF">
              <w:rPr>
                <w:sz w:val="24"/>
                <w:szCs w:val="24"/>
              </w:rPr>
              <w:t>. It was useful to have access to a technology that not only prevented loss</w:t>
            </w:r>
            <w:r w:rsidR="00CF03A7">
              <w:rPr>
                <w:sz w:val="24"/>
                <w:szCs w:val="24"/>
              </w:rPr>
              <w:t xml:space="preserve"> of </w:t>
            </w:r>
            <w:r w:rsidR="00D236F5">
              <w:rPr>
                <w:sz w:val="24"/>
                <w:szCs w:val="24"/>
              </w:rPr>
              <w:t>progress</w:t>
            </w:r>
            <w:r w:rsidR="00CF03A7">
              <w:rPr>
                <w:sz w:val="24"/>
                <w:szCs w:val="24"/>
              </w:rPr>
              <w:t xml:space="preserve"> (which </w:t>
            </w:r>
            <w:r w:rsidR="00D236F5">
              <w:rPr>
                <w:sz w:val="24"/>
                <w:szCs w:val="24"/>
              </w:rPr>
              <w:t>unfortunately</w:t>
            </w:r>
            <w:r w:rsidR="00CF03A7">
              <w:rPr>
                <w:sz w:val="24"/>
                <w:szCs w:val="24"/>
              </w:rPr>
              <w:t xml:space="preserve"> </w:t>
            </w:r>
            <w:r w:rsidR="00D236F5">
              <w:rPr>
                <w:sz w:val="24"/>
                <w:szCs w:val="24"/>
              </w:rPr>
              <w:t>happened</w:t>
            </w:r>
            <w:r w:rsidR="00CF03A7">
              <w:rPr>
                <w:sz w:val="24"/>
                <w:szCs w:val="24"/>
              </w:rPr>
              <w:t xml:space="preserve"> once</w:t>
            </w:r>
            <w:r w:rsidR="00D236F5">
              <w:rPr>
                <w:sz w:val="24"/>
                <w:szCs w:val="24"/>
              </w:rPr>
              <w:t xml:space="preserve"> in the project</w:t>
            </w:r>
            <w:r w:rsidR="00BA50F9">
              <w:rPr>
                <w:sz w:val="24"/>
                <w:szCs w:val="24"/>
              </w:rPr>
              <w:t>, before I started using GIT, when windows automatic back-up failed to save my files when my laptop needed to be re-imaged</w:t>
            </w:r>
            <w:r w:rsidR="00E26A6E">
              <w:rPr>
                <w:sz w:val="24"/>
                <w:szCs w:val="24"/>
              </w:rPr>
              <w:t>)</w:t>
            </w:r>
            <w:r w:rsidR="00BA50F9">
              <w:rPr>
                <w:sz w:val="24"/>
                <w:szCs w:val="24"/>
              </w:rPr>
              <w:t>.</w:t>
            </w:r>
            <w:r w:rsidR="00D236F5">
              <w:rPr>
                <w:sz w:val="24"/>
                <w:szCs w:val="24"/>
              </w:rPr>
              <w:t xml:space="preserve"> But also, to have a means to test new features before integrating them into the main project.</w:t>
            </w:r>
          </w:p>
          <w:p w14:paraId="6FF98209" w14:textId="0A863BFF" w:rsidR="00284950" w:rsidRPr="00364F80" w:rsidRDefault="00284950" w:rsidP="008B71D3">
            <w:pPr>
              <w:rPr>
                <w:sz w:val="24"/>
                <w:szCs w:val="24"/>
              </w:rPr>
            </w:pPr>
          </w:p>
        </w:tc>
      </w:tr>
      <w:tr w:rsidR="00BC242F" w14:paraId="3F56DC88" w14:textId="77777777" w:rsidTr="000A20BB">
        <w:tc>
          <w:tcPr>
            <w:tcW w:w="4806" w:type="dxa"/>
          </w:tcPr>
          <w:p w14:paraId="29DD4F36" w14:textId="61F4E0D1" w:rsidR="009F0736" w:rsidRDefault="00DF7C6E" w:rsidP="008B71D3">
            <w:pPr>
              <w:rPr>
                <w:sz w:val="24"/>
                <w:szCs w:val="24"/>
              </w:rPr>
            </w:pPr>
            <w:r>
              <w:rPr>
                <w:noProof/>
              </w:rPr>
              <w:drawing>
                <wp:inline distT="0" distB="0" distL="0" distR="0" wp14:anchorId="2C544194" wp14:editId="78657657">
                  <wp:extent cx="2842260" cy="1805940"/>
                  <wp:effectExtent l="0" t="0" r="0" b="0"/>
                  <wp:docPr id="6" name="Picture 6" descr="Jsoup Iterate all elements of HTML example - Java Code Example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Jsoup Iterate all elements of HTML example - Java Code Examples"/>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842260" cy="1805940"/>
                          </a:xfrm>
                          <a:prstGeom prst="rect">
                            <a:avLst/>
                          </a:prstGeom>
                          <a:noFill/>
                          <a:ln>
                            <a:noFill/>
                          </a:ln>
                        </pic:spPr>
                      </pic:pic>
                    </a:graphicData>
                  </a:graphic>
                </wp:inline>
              </w:drawing>
            </w:r>
          </w:p>
        </w:tc>
        <w:tc>
          <w:tcPr>
            <w:tcW w:w="4220" w:type="dxa"/>
          </w:tcPr>
          <w:p w14:paraId="667E4178" w14:textId="780FED5B" w:rsidR="009F0736" w:rsidRDefault="00421454" w:rsidP="008B71D3">
            <w:pPr>
              <w:rPr>
                <w:b/>
                <w:bCs/>
                <w:sz w:val="24"/>
                <w:szCs w:val="24"/>
              </w:rPr>
            </w:pPr>
            <w:r>
              <w:rPr>
                <w:b/>
                <w:bCs/>
                <w:sz w:val="24"/>
                <w:szCs w:val="24"/>
              </w:rPr>
              <w:t>JSOUP</w:t>
            </w:r>
            <w:r w:rsidR="009E0A8C">
              <w:rPr>
                <w:b/>
                <w:bCs/>
                <w:sz w:val="24"/>
                <w:szCs w:val="24"/>
              </w:rPr>
              <w:t xml:space="preserve"> API</w:t>
            </w:r>
          </w:p>
          <w:p w14:paraId="603ACECE" w14:textId="77777777" w:rsidR="00421454" w:rsidRDefault="00421454" w:rsidP="008B71D3">
            <w:pPr>
              <w:rPr>
                <w:sz w:val="24"/>
                <w:szCs w:val="24"/>
              </w:rPr>
            </w:pPr>
            <w:r>
              <w:rPr>
                <w:sz w:val="24"/>
                <w:szCs w:val="24"/>
              </w:rPr>
              <w:t xml:space="preserve">One of the simpler technologies in the project, JSOUP allowed me to access </w:t>
            </w:r>
            <w:r w:rsidR="000A20BB">
              <w:rPr>
                <w:sz w:val="24"/>
                <w:szCs w:val="24"/>
              </w:rPr>
              <w:t>Nasdaq</w:t>
            </w:r>
            <w:r w:rsidR="00980A89">
              <w:rPr>
                <w:sz w:val="24"/>
                <w:szCs w:val="24"/>
              </w:rPr>
              <w:t xml:space="preserve"> listing without a complicated API, but </w:t>
            </w:r>
            <w:r w:rsidR="00FA1A73">
              <w:rPr>
                <w:sz w:val="24"/>
                <w:szCs w:val="24"/>
              </w:rPr>
              <w:t>also allowed me to scrap</w:t>
            </w:r>
            <w:r w:rsidR="00ED3E4F">
              <w:rPr>
                <w:sz w:val="24"/>
                <w:szCs w:val="24"/>
              </w:rPr>
              <w:t>e</w:t>
            </w:r>
            <w:r w:rsidR="00FA1A73">
              <w:rPr>
                <w:sz w:val="24"/>
                <w:szCs w:val="24"/>
              </w:rPr>
              <w:t xml:space="preserve"> sentiment </w:t>
            </w:r>
            <w:r w:rsidR="001F67A4">
              <w:rPr>
                <w:sz w:val="24"/>
                <w:szCs w:val="24"/>
              </w:rPr>
              <w:t>information</w:t>
            </w:r>
            <w:r w:rsidR="00FA1A73">
              <w:rPr>
                <w:sz w:val="24"/>
                <w:szCs w:val="24"/>
              </w:rPr>
              <w:t xml:space="preserve"> </w:t>
            </w:r>
            <w:r w:rsidR="00ED3E4F">
              <w:rPr>
                <w:sz w:val="24"/>
                <w:szCs w:val="24"/>
              </w:rPr>
              <w:t>from various news and social media sites.</w:t>
            </w:r>
          </w:p>
          <w:p w14:paraId="25042D35" w14:textId="77777777" w:rsidR="00F52E92" w:rsidRDefault="00F52E92" w:rsidP="008B71D3">
            <w:pPr>
              <w:rPr>
                <w:sz w:val="24"/>
                <w:szCs w:val="24"/>
              </w:rPr>
            </w:pPr>
          </w:p>
          <w:p w14:paraId="3C696A9F" w14:textId="77777777" w:rsidR="00F52E92" w:rsidRDefault="00F52E92" w:rsidP="008B71D3">
            <w:pPr>
              <w:rPr>
                <w:sz w:val="24"/>
                <w:szCs w:val="24"/>
              </w:rPr>
            </w:pPr>
          </w:p>
          <w:p w14:paraId="3F988AB9" w14:textId="77777777" w:rsidR="00F52E92" w:rsidRDefault="00F52E92" w:rsidP="008B71D3">
            <w:pPr>
              <w:rPr>
                <w:sz w:val="24"/>
                <w:szCs w:val="24"/>
              </w:rPr>
            </w:pPr>
          </w:p>
          <w:p w14:paraId="016C9D3A" w14:textId="77777777" w:rsidR="00F52E92" w:rsidRDefault="00F52E92" w:rsidP="008B71D3">
            <w:pPr>
              <w:rPr>
                <w:sz w:val="24"/>
                <w:szCs w:val="24"/>
              </w:rPr>
            </w:pPr>
          </w:p>
          <w:p w14:paraId="0CF887AE" w14:textId="77777777" w:rsidR="00F52E92" w:rsidRDefault="00F52E92" w:rsidP="008B71D3">
            <w:pPr>
              <w:rPr>
                <w:sz w:val="24"/>
                <w:szCs w:val="24"/>
              </w:rPr>
            </w:pPr>
          </w:p>
          <w:p w14:paraId="2A349C24" w14:textId="3ED859C4" w:rsidR="00F52E92" w:rsidRPr="00421454" w:rsidRDefault="00F52E92" w:rsidP="008B71D3">
            <w:pPr>
              <w:rPr>
                <w:sz w:val="24"/>
                <w:szCs w:val="24"/>
              </w:rPr>
            </w:pPr>
          </w:p>
        </w:tc>
      </w:tr>
      <w:tr w:rsidR="00BC242F" w14:paraId="24DC4343" w14:textId="77777777" w:rsidTr="000A20BB">
        <w:tc>
          <w:tcPr>
            <w:tcW w:w="4806" w:type="dxa"/>
          </w:tcPr>
          <w:p w14:paraId="025723E1" w14:textId="16811CF5" w:rsidR="009F0736" w:rsidRDefault="00C94310" w:rsidP="008B71D3">
            <w:pPr>
              <w:rPr>
                <w:sz w:val="24"/>
                <w:szCs w:val="24"/>
              </w:rPr>
            </w:pPr>
            <w:r>
              <w:rPr>
                <w:noProof/>
              </w:rPr>
              <w:lastRenderedPageBreak/>
              <w:drawing>
                <wp:inline distT="0" distB="0" distL="0" distR="0" wp14:anchorId="0E0DBB3C" wp14:editId="7DC8D8B1">
                  <wp:extent cx="1950720" cy="2331720"/>
                  <wp:effectExtent l="0" t="0" r="0" b="0"/>
                  <wp:docPr id="9" name="Picture 9" descr="C:\Users\i352770\AppData\Local\Microsoft\Windows\INetCache\Content.MSO\EAD7CC61.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3" descr="C:\Users\i352770\AppData\Local\Microsoft\Windows\INetCache\Content.MSO\EAD7CC61.tmp"/>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1950720" cy="2331720"/>
                          </a:xfrm>
                          <a:prstGeom prst="rect">
                            <a:avLst/>
                          </a:prstGeom>
                          <a:noFill/>
                          <a:ln>
                            <a:noFill/>
                          </a:ln>
                        </pic:spPr>
                      </pic:pic>
                    </a:graphicData>
                  </a:graphic>
                </wp:inline>
              </w:drawing>
            </w:r>
          </w:p>
        </w:tc>
        <w:tc>
          <w:tcPr>
            <w:tcW w:w="4220" w:type="dxa"/>
          </w:tcPr>
          <w:p w14:paraId="4520E6AA" w14:textId="7012C6C2" w:rsidR="009F0736" w:rsidRPr="006D737A" w:rsidRDefault="008D310D" w:rsidP="008B71D3">
            <w:pPr>
              <w:rPr>
                <w:b/>
                <w:bCs/>
              </w:rPr>
            </w:pPr>
            <w:r w:rsidRPr="006D737A">
              <w:rPr>
                <w:b/>
                <w:bCs/>
              </w:rPr>
              <w:t>Stanford Natural Language Processing</w:t>
            </w:r>
            <w:r w:rsidR="009E0A8C" w:rsidRPr="006D737A">
              <w:rPr>
                <w:b/>
                <w:bCs/>
              </w:rPr>
              <w:t xml:space="preserve"> API</w:t>
            </w:r>
          </w:p>
          <w:p w14:paraId="24FB4C08" w14:textId="4EC4835C" w:rsidR="006D5566" w:rsidRPr="006D737A" w:rsidRDefault="001D42F7" w:rsidP="008B71D3">
            <w:r w:rsidRPr="006D737A">
              <w:t>I used Stanfor</w:t>
            </w:r>
            <w:r w:rsidR="007A6243" w:rsidRPr="006D737A">
              <w:t>d</w:t>
            </w:r>
            <w:r w:rsidR="002D0D8E" w:rsidRPr="006D737A">
              <w:t xml:space="preserve"> NLP</w:t>
            </w:r>
            <w:r w:rsidR="005179CB" w:rsidRPr="006D737A">
              <w:t xml:space="preserve"> to perform the sentiment analysis aspect of </w:t>
            </w:r>
            <w:r w:rsidR="002D7013" w:rsidRPr="006D737A">
              <w:t>my project.</w:t>
            </w:r>
            <w:r w:rsidR="00BE73CE" w:rsidRPr="006D737A">
              <w:t xml:space="preserve"> Stanford NLP has many abilities regarding the processing of </w:t>
            </w:r>
            <w:r w:rsidR="00E306F6" w:rsidRPr="006D737A">
              <w:t>English such as entity</w:t>
            </w:r>
            <w:r w:rsidR="00AF0FC8" w:rsidRPr="006D737A">
              <w:t xml:space="preserve">/keyword </w:t>
            </w:r>
            <w:r w:rsidR="00A84B61" w:rsidRPr="006D737A">
              <w:t>recognition</w:t>
            </w:r>
            <w:r w:rsidR="00AF0FC8" w:rsidRPr="006D737A">
              <w:t xml:space="preserve">, and </w:t>
            </w:r>
            <w:r w:rsidR="00A84B61" w:rsidRPr="006D737A">
              <w:t>sentence</w:t>
            </w:r>
            <w:r w:rsidR="00AF0FC8" w:rsidRPr="006D737A">
              <w:t xml:space="preserve"> tokenisation. </w:t>
            </w:r>
            <w:r w:rsidR="00A84B61" w:rsidRPr="006D737A">
              <w:t>However,</w:t>
            </w:r>
            <w:r w:rsidR="00AF0FC8" w:rsidRPr="006D737A">
              <w:t xml:space="preserve"> for this project I was only interested </w:t>
            </w:r>
            <w:r w:rsidR="00A84B61" w:rsidRPr="006D737A">
              <w:t xml:space="preserve">in </w:t>
            </w:r>
            <w:r w:rsidR="00B0436B" w:rsidRPr="006D737A">
              <w:t>its</w:t>
            </w:r>
            <w:r w:rsidR="00A84B61" w:rsidRPr="006D737A">
              <w:t xml:space="preserve"> sentiment analysis capabilities</w:t>
            </w:r>
            <w:r w:rsidR="001F67A4" w:rsidRPr="006D737A">
              <w:t xml:space="preserve">. </w:t>
            </w:r>
            <w:r w:rsidR="009E0A8C" w:rsidRPr="006D737A">
              <w:t>When data is fed into the API</w:t>
            </w:r>
            <w:r w:rsidR="0048410F" w:rsidRPr="006D737A">
              <w:t xml:space="preserve">, it will breakdown </w:t>
            </w:r>
            <w:r w:rsidR="00BD50AC" w:rsidRPr="006D737A">
              <w:t xml:space="preserve">the data into </w:t>
            </w:r>
            <w:r w:rsidR="00282A0C" w:rsidRPr="006D737A">
              <w:t>its</w:t>
            </w:r>
            <w:r w:rsidR="00BD50AC" w:rsidRPr="006D737A">
              <w:t xml:space="preserve"> individual sentences, and return a Positive, Negative, or Neutral rating.</w:t>
            </w:r>
          </w:p>
          <w:p w14:paraId="085B96C4" w14:textId="77777777" w:rsidR="00BD50AC" w:rsidRDefault="006D5566" w:rsidP="008B71D3">
            <w:r w:rsidRPr="006D737A">
              <w:t xml:space="preserve">The API performed its duties with reasonable effectiveness. When reading </w:t>
            </w:r>
            <w:r w:rsidR="00DF2F41" w:rsidRPr="006D737A">
              <w:t xml:space="preserve">back over the result, versus the data it was fed, it </w:t>
            </w:r>
            <w:r w:rsidR="006E19CC" w:rsidRPr="006D737A">
              <w:t xml:space="preserve">is possible to see instances where the technology </w:t>
            </w:r>
            <w:r w:rsidR="00282A0C" w:rsidRPr="006D737A">
              <w:t>perhaps</w:t>
            </w:r>
            <w:r w:rsidR="001A1C40" w:rsidRPr="006D737A">
              <w:t xml:space="preserve"> misunderstood the intention of a </w:t>
            </w:r>
            <w:r w:rsidR="00282A0C" w:rsidRPr="006D737A">
              <w:t>statement or</w:t>
            </w:r>
            <w:r w:rsidR="001A1C40" w:rsidRPr="006D737A">
              <w:t xml:space="preserve"> </w:t>
            </w:r>
            <w:r w:rsidR="00282A0C" w:rsidRPr="006D737A">
              <w:t>misinterpreted</w:t>
            </w:r>
            <w:r w:rsidR="001A1C40" w:rsidRPr="006D737A">
              <w:t xml:space="preserve"> a sarcastic remark as positive. This is too be expected as language is a complicated</w:t>
            </w:r>
            <w:r w:rsidR="001A1C40">
              <w:rPr>
                <w:sz w:val="24"/>
                <w:szCs w:val="24"/>
              </w:rPr>
              <w:t xml:space="preserve"> </w:t>
            </w:r>
            <w:r w:rsidR="004973A5" w:rsidRPr="006D737A">
              <w:t xml:space="preserve">phenomenon, that the human mind has evolved to be able to </w:t>
            </w:r>
            <w:r w:rsidR="006D737A" w:rsidRPr="006D737A">
              <w:t>interpret</w:t>
            </w:r>
            <w:r w:rsidR="00EF5141" w:rsidRPr="006D737A">
              <w:t xml:space="preserve">. It is possible </w:t>
            </w:r>
            <w:r w:rsidR="001F3124" w:rsidRPr="006D737A">
              <w:t xml:space="preserve">that access to more resources would afford </w:t>
            </w:r>
            <w:r w:rsidR="00282A0C" w:rsidRPr="006D737A">
              <w:t>usage of a more effective system. This is</w:t>
            </w:r>
            <w:r w:rsidR="00282A0C">
              <w:rPr>
                <w:sz w:val="24"/>
                <w:szCs w:val="24"/>
              </w:rPr>
              <w:t xml:space="preserve"> </w:t>
            </w:r>
            <w:r w:rsidR="00282A0C" w:rsidRPr="006D737A">
              <w:t>one way that Plutocrat can be improved in the future</w:t>
            </w:r>
          </w:p>
          <w:p w14:paraId="64081360" w14:textId="4EFE2EF0" w:rsidR="00284950" w:rsidRPr="001D42F7" w:rsidRDefault="00284950" w:rsidP="008B71D3">
            <w:pPr>
              <w:rPr>
                <w:sz w:val="24"/>
                <w:szCs w:val="24"/>
              </w:rPr>
            </w:pPr>
          </w:p>
        </w:tc>
      </w:tr>
      <w:tr w:rsidR="00BC242F" w14:paraId="3926C7F9" w14:textId="77777777" w:rsidTr="000A20BB">
        <w:tc>
          <w:tcPr>
            <w:tcW w:w="4806" w:type="dxa"/>
          </w:tcPr>
          <w:p w14:paraId="310D35B6" w14:textId="0CB08C5C" w:rsidR="009F0736" w:rsidRDefault="00663670" w:rsidP="008B71D3">
            <w:pPr>
              <w:rPr>
                <w:sz w:val="24"/>
                <w:szCs w:val="24"/>
              </w:rPr>
            </w:pPr>
            <w:r>
              <w:rPr>
                <w:noProof/>
              </w:rPr>
              <w:drawing>
                <wp:inline distT="0" distB="0" distL="0" distR="0" wp14:anchorId="004F0019" wp14:editId="6F2E6B48">
                  <wp:extent cx="2636520" cy="2644785"/>
                  <wp:effectExtent l="0" t="0" r="0" b="3175"/>
                  <wp:docPr id="10" name="Picture 10" descr="Hibernate (@Hibernate) | Twitt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5" descr="Hibernate (@Hibernate) | Twitter"/>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679876" cy="2688277"/>
                          </a:xfrm>
                          <a:prstGeom prst="rect">
                            <a:avLst/>
                          </a:prstGeom>
                          <a:noFill/>
                          <a:ln>
                            <a:noFill/>
                          </a:ln>
                        </pic:spPr>
                      </pic:pic>
                    </a:graphicData>
                  </a:graphic>
                </wp:inline>
              </w:drawing>
            </w:r>
          </w:p>
        </w:tc>
        <w:tc>
          <w:tcPr>
            <w:tcW w:w="4220" w:type="dxa"/>
          </w:tcPr>
          <w:p w14:paraId="59FDB9BA" w14:textId="77777777" w:rsidR="009F0736" w:rsidRDefault="00501660" w:rsidP="008B71D3">
            <w:pPr>
              <w:rPr>
                <w:b/>
                <w:bCs/>
                <w:sz w:val="24"/>
                <w:szCs w:val="24"/>
              </w:rPr>
            </w:pPr>
            <w:r>
              <w:rPr>
                <w:b/>
                <w:bCs/>
                <w:sz w:val="24"/>
                <w:szCs w:val="24"/>
              </w:rPr>
              <w:t>Hibernate Object Relationship Manager</w:t>
            </w:r>
          </w:p>
          <w:p w14:paraId="62D24ED2" w14:textId="27251AF6" w:rsidR="00A22F00" w:rsidRPr="00521114" w:rsidRDefault="001D6530" w:rsidP="008B71D3">
            <w:pPr>
              <w:rPr>
                <w:sz w:val="24"/>
                <w:szCs w:val="24"/>
              </w:rPr>
            </w:pPr>
            <w:r>
              <w:rPr>
                <w:sz w:val="24"/>
                <w:szCs w:val="24"/>
              </w:rPr>
              <w:t xml:space="preserve">I used Hibernate ORM to automate the task of creating </w:t>
            </w:r>
            <w:r w:rsidR="00704CEE">
              <w:rPr>
                <w:sz w:val="24"/>
                <w:szCs w:val="24"/>
              </w:rPr>
              <w:t xml:space="preserve">and managing relational tables in the underlaying </w:t>
            </w:r>
            <w:r w:rsidR="00704CEE">
              <w:rPr>
                <w:b/>
                <w:bCs/>
                <w:sz w:val="24"/>
                <w:szCs w:val="24"/>
              </w:rPr>
              <w:t>MySQL</w:t>
            </w:r>
            <w:r w:rsidR="00521114">
              <w:rPr>
                <w:b/>
                <w:bCs/>
                <w:sz w:val="24"/>
                <w:szCs w:val="24"/>
              </w:rPr>
              <w:t xml:space="preserve"> </w:t>
            </w:r>
            <w:r w:rsidR="00521114">
              <w:rPr>
                <w:sz w:val="24"/>
                <w:szCs w:val="24"/>
              </w:rPr>
              <w:t xml:space="preserve">Database. The use of Hibernate was more of a </w:t>
            </w:r>
            <w:r w:rsidR="00D21724">
              <w:rPr>
                <w:sz w:val="24"/>
                <w:szCs w:val="24"/>
              </w:rPr>
              <w:t>convenience</w:t>
            </w:r>
            <w:r w:rsidR="00521114">
              <w:rPr>
                <w:sz w:val="24"/>
                <w:szCs w:val="24"/>
              </w:rPr>
              <w:t xml:space="preserve"> and a timesaver than a </w:t>
            </w:r>
            <w:r w:rsidR="00D21724">
              <w:rPr>
                <w:sz w:val="24"/>
                <w:szCs w:val="24"/>
              </w:rPr>
              <w:t>necessity</w:t>
            </w:r>
            <w:r w:rsidR="00521114">
              <w:rPr>
                <w:sz w:val="24"/>
                <w:szCs w:val="24"/>
              </w:rPr>
              <w:t xml:space="preserve">, as </w:t>
            </w:r>
            <w:r w:rsidR="00D21724">
              <w:rPr>
                <w:sz w:val="24"/>
                <w:szCs w:val="24"/>
              </w:rPr>
              <w:t>the</w:t>
            </w:r>
            <w:r w:rsidR="00521114">
              <w:rPr>
                <w:sz w:val="24"/>
                <w:szCs w:val="24"/>
              </w:rPr>
              <w:t xml:space="preserve"> project could be completed without it</w:t>
            </w:r>
            <w:r w:rsidR="0095598F">
              <w:rPr>
                <w:sz w:val="24"/>
                <w:szCs w:val="24"/>
              </w:rPr>
              <w:t xml:space="preserve">, but it did save me from having the execute raw sql </w:t>
            </w:r>
            <w:r w:rsidR="00D21724">
              <w:rPr>
                <w:sz w:val="24"/>
                <w:szCs w:val="24"/>
              </w:rPr>
              <w:t>statements</w:t>
            </w:r>
            <w:r w:rsidR="006E7A4E">
              <w:rPr>
                <w:sz w:val="24"/>
                <w:szCs w:val="24"/>
              </w:rPr>
              <w:t xml:space="preserve"> within my </w:t>
            </w:r>
            <w:r w:rsidR="00420F03">
              <w:rPr>
                <w:sz w:val="24"/>
                <w:szCs w:val="24"/>
              </w:rPr>
              <w:t>J</w:t>
            </w:r>
            <w:r w:rsidR="006E7A4E">
              <w:rPr>
                <w:sz w:val="24"/>
                <w:szCs w:val="24"/>
              </w:rPr>
              <w:t>ava</w:t>
            </w:r>
            <w:r w:rsidR="00420F03">
              <w:rPr>
                <w:sz w:val="24"/>
                <w:szCs w:val="24"/>
              </w:rPr>
              <w:t xml:space="preserve"> classes.</w:t>
            </w:r>
          </w:p>
        </w:tc>
      </w:tr>
      <w:tr w:rsidR="00BC242F" w14:paraId="402C726C" w14:textId="77777777" w:rsidTr="000A20BB">
        <w:tc>
          <w:tcPr>
            <w:tcW w:w="4806" w:type="dxa"/>
          </w:tcPr>
          <w:p w14:paraId="1FD274B3" w14:textId="570DC8E9" w:rsidR="009F0736" w:rsidRDefault="009F0736" w:rsidP="008B71D3">
            <w:pPr>
              <w:rPr>
                <w:sz w:val="24"/>
                <w:szCs w:val="24"/>
              </w:rPr>
            </w:pPr>
          </w:p>
        </w:tc>
        <w:tc>
          <w:tcPr>
            <w:tcW w:w="4220" w:type="dxa"/>
          </w:tcPr>
          <w:p w14:paraId="67D3B750" w14:textId="3CB38E0F" w:rsidR="00284950" w:rsidRPr="00A53931" w:rsidRDefault="00284950" w:rsidP="008B71D3">
            <w:pPr>
              <w:rPr>
                <w:sz w:val="24"/>
                <w:szCs w:val="24"/>
              </w:rPr>
            </w:pPr>
          </w:p>
        </w:tc>
      </w:tr>
      <w:tr w:rsidR="00BC242F" w14:paraId="37B929D9" w14:textId="77777777" w:rsidTr="000A20BB">
        <w:tc>
          <w:tcPr>
            <w:tcW w:w="4806" w:type="dxa"/>
          </w:tcPr>
          <w:p w14:paraId="2FA80E41" w14:textId="77777777" w:rsidR="00B15046" w:rsidRDefault="00B15046" w:rsidP="008B71D3">
            <w:pPr>
              <w:rPr>
                <w:noProof/>
              </w:rPr>
            </w:pPr>
          </w:p>
        </w:tc>
        <w:tc>
          <w:tcPr>
            <w:tcW w:w="4220" w:type="dxa"/>
          </w:tcPr>
          <w:p w14:paraId="5D3790C1" w14:textId="77777777" w:rsidR="00B15046" w:rsidRDefault="00B15046" w:rsidP="008B71D3">
            <w:pPr>
              <w:rPr>
                <w:b/>
                <w:bCs/>
                <w:sz w:val="24"/>
                <w:szCs w:val="24"/>
              </w:rPr>
            </w:pPr>
          </w:p>
        </w:tc>
      </w:tr>
      <w:tr w:rsidR="00BC242F" w14:paraId="23CC451D" w14:textId="77777777" w:rsidTr="000A20BB">
        <w:tc>
          <w:tcPr>
            <w:tcW w:w="4806" w:type="dxa"/>
          </w:tcPr>
          <w:p w14:paraId="042E6477" w14:textId="161874E4" w:rsidR="009F0736" w:rsidRDefault="007F2FDB" w:rsidP="008B71D3">
            <w:pPr>
              <w:rPr>
                <w:sz w:val="24"/>
                <w:szCs w:val="24"/>
              </w:rPr>
            </w:pPr>
            <w:r>
              <w:rPr>
                <w:noProof/>
              </w:rPr>
              <w:lastRenderedPageBreak/>
              <w:drawing>
                <wp:inline distT="0" distB="0" distL="0" distR="0" wp14:anchorId="1F6EC4A0" wp14:editId="0D6CA5C4">
                  <wp:extent cx="2346960" cy="1950720"/>
                  <wp:effectExtent l="0" t="0" r="0" b="0"/>
                  <wp:docPr id="14" name="Picture 14" descr="C:\Users\i352770\AppData\Local\Microsoft\Windows\INetCache\Content.MSO\F82F01D9.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5" descr="C:\Users\i352770\AppData\Local\Microsoft\Windows\INetCache\Content.MSO\F82F01D9.tmp"/>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2346960" cy="1950720"/>
                          </a:xfrm>
                          <a:prstGeom prst="rect">
                            <a:avLst/>
                          </a:prstGeom>
                          <a:noFill/>
                          <a:ln>
                            <a:noFill/>
                          </a:ln>
                        </pic:spPr>
                      </pic:pic>
                    </a:graphicData>
                  </a:graphic>
                </wp:inline>
              </w:drawing>
            </w:r>
          </w:p>
        </w:tc>
        <w:tc>
          <w:tcPr>
            <w:tcW w:w="4220" w:type="dxa"/>
          </w:tcPr>
          <w:p w14:paraId="43956EC8" w14:textId="77777777" w:rsidR="009F0736" w:rsidRDefault="007560D9" w:rsidP="008B71D3">
            <w:pPr>
              <w:rPr>
                <w:b/>
                <w:bCs/>
                <w:sz w:val="24"/>
                <w:szCs w:val="24"/>
              </w:rPr>
            </w:pPr>
            <w:r>
              <w:rPr>
                <w:b/>
                <w:bCs/>
                <w:sz w:val="24"/>
                <w:szCs w:val="24"/>
              </w:rPr>
              <w:t>TensorFlow</w:t>
            </w:r>
          </w:p>
          <w:p w14:paraId="3436F1BE" w14:textId="42E5FCD6" w:rsidR="005336F3" w:rsidRDefault="007560D9" w:rsidP="008B71D3">
            <w:pPr>
              <w:rPr>
                <w:sz w:val="24"/>
                <w:szCs w:val="24"/>
              </w:rPr>
            </w:pPr>
            <w:r>
              <w:rPr>
                <w:sz w:val="24"/>
                <w:szCs w:val="24"/>
              </w:rPr>
              <w:t xml:space="preserve">I used TensorFlow to </w:t>
            </w:r>
            <w:r w:rsidR="006560F7">
              <w:rPr>
                <w:sz w:val="24"/>
                <w:szCs w:val="24"/>
              </w:rPr>
              <w:t>construct</w:t>
            </w:r>
            <w:r>
              <w:rPr>
                <w:sz w:val="24"/>
                <w:szCs w:val="24"/>
              </w:rPr>
              <w:t xml:space="preserve"> a </w:t>
            </w:r>
            <w:r w:rsidR="006151D9">
              <w:rPr>
                <w:sz w:val="24"/>
                <w:szCs w:val="24"/>
              </w:rPr>
              <w:t>neural network that could be fed data from</w:t>
            </w:r>
            <w:r w:rsidR="00056064">
              <w:rPr>
                <w:sz w:val="24"/>
                <w:szCs w:val="24"/>
              </w:rPr>
              <w:t xml:space="preserve"> the bottom layer of the project</w:t>
            </w:r>
            <w:r w:rsidR="00D72D04">
              <w:rPr>
                <w:sz w:val="24"/>
                <w:szCs w:val="24"/>
              </w:rPr>
              <w:t>;</w:t>
            </w:r>
            <w:r w:rsidR="006560F7">
              <w:rPr>
                <w:sz w:val="24"/>
                <w:szCs w:val="24"/>
              </w:rPr>
              <w:t xml:space="preserve"> </w:t>
            </w:r>
            <w:r w:rsidR="00F87AB7">
              <w:rPr>
                <w:sz w:val="24"/>
                <w:szCs w:val="24"/>
              </w:rPr>
              <w:t xml:space="preserve">generated with </w:t>
            </w:r>
            <w:r w:rsidR="00F87AB7">
              <w:rPr>
                <w:b/>
                <w:bCs/>
                <w:sz w:val="24"/>
                <w:szCs w:val="24"/>
              </w:rPr>
              <w:t>JSOUP</w:t>
            </w:r>
            <w:r w:rsidR="00F87AB7">
              <w:rPr>
                <w:sz w:val="24"/>
                <w:szCs w:val="24"/>
              </w:rPr>
              <w:t xml:space="preserve">, and </w:t>
            </w:r>
            <w:r w:rsidR="00F87AB7">
              <w:rPr>
                <w:b/>
                <w:bCs/>
                <w:sz w:val="24"/>
                <w:szCs w:val="24"/>
              </w:rPr>
              <w:t>Stanford NLP</w:t>
            </w:r>
            <w:r w:rsidR="00025AEB">
              <w:rPr>
                <w:sz w:val="24"/>
                <w:szCs w:val="24"/>
              </w:rPr>
              <w:t xml:space="preserve">, retrieved from the </w:t>
            </w:r>
            <w:r w:rsidR="00025AEB">
              <w:rPr>
                <w:b/>
                <w:bCs/>
                <w:sz w:val="24"/>
                <w:szCs w:val="24"/>
              </w:rPr>
              <w:t xml:space="preserve">MySQL </w:t>
            </w:r>
            <w:r w:rsidR="00025AEB">
              <w:rPr>
                <w:sz w:val="24"/>
                <w:szCs w:val="24"/>
              </w:rPr>
              <w:t>database</w:t>
            </w:r>
            <w:r w:rsidR="00EA1F01">
              <w:rPr>
                <w:sz w:val="24"/>
                <w:szCs w:val="24"/>
              </w:rPr>
              <w:t>; alongside financial information</w:t>
            </w:r>
            <w:r w:rsidR="00D81924">
              <w:rPr>
                <w:sz w:val="24"/>
                <w:szCs w:val="24"/>
              </w:rPr>
              <w:t xml:space="preserve"> pulled from the </w:t>
            </w:r>
            <w:r w:rsidR="00D81924">
              <w:rPr>
                <w:b/>
                <w:bCs/>
                <w:sz w:val="24"/>
                <w:szCs w:val="24"/>
              </w:rPr>
              <w:t>Yahoo Finance API</w:t>
            </w:r>
            <w:r w:rsidR="00162534">
              <w:rPr>
                <w:sz w:val="24"/>
                <w:szCs w:val="24"/>
              </w:rPr>
              <w:t xml:space="preserve">. This data is used by the </w:t>
            </w:r>
            <w:r w:rsidR="00BF14BF">
              <w:rPr>
                <w:sz w:val="24"/>
                <w:szCs w:val="24"/>
              </w:rPr>
              <w:t>network</w:t>
            </w:r>
            <w:r w:rsidR="00162534">
              <w:rPr>
                <w:sz w:val="24"/>
                <w:szCs w:val="24"/>
              </w:rPr>
              <w:t xml:space="preserve"> to construct a </w:t>
            </w:r>
            <w:r w:rsidR="00450CA3">
              <w:rPr>
                <w:sz w:val="24"/>
                <w:szCs w:val="24"/>
              </w:rPr>
              <w:t>learning algorithm that will make predictions</w:t>
            </w:r>
            <w:r w:rsidR="009060AC">
              <w:rPr>
                <w:sz w:val="24"/>
                <w:szCs w:val="24"/>
              </w:rPr>
              <w:t xml:space="preserve"> concerning </w:t>
            </w:r>
            <w:r w:rsidR="005336F3">
              <w:rPr>
                <w:sz w:val="24"/>
                <w:szCs w:val="24"/>
              </w:rPr>
              <w:t>price changes when sentiment information is passed into it in the future.</w:t>
            </w:r>
          </w:p>
          <w:p w14:paraId="4BE86585" w14:textId="156D1300" w:rsidR="004733B0" w:rsidRDefault="005336F3" w:rsidP="008B71D3">
            <w:pPr>
              <w:rPr>
                <w:sz w:val="24"/>
                <w:szCs w:val="24"/>
              </w:rPr>
            </w:pPr>
            <w:r>
              <w:rPr>
                <w:sz w:val="24"/>
                <w:szCs w:val="24"/>
              </w:rPr>
              <w:t xml:space="preserve">From all the technologies </w:t>
            </w:r>
            <w:r w:rsidR="00B861C1">
              <w:rPr>
                <w:sz w:val="24"/>
                <w:szCs w:val="24"/>
              </w:rPr>
              <w:t xml:space="preserve">involved in this project, TensorFlow provided the steepest learning curve by far. Not only was it such </w:t>
            </w:r>
            <w:r w:rsidR="00282F73">
              <w:rPr>
                <w:sz w:val="24"/>
                <w:szCs w:val="24"/>
              </w:rPr>
              <w:t xml:space="preserve">an integral part of the core concept of the project that its </w:t>
            </w:r>
            <w:r w:rsidR="00BF14BF">
              <w:rPr>
                <w:sz w:val="24"/>
                <w:szCs w:val="24"/>
              </w:rPr>
              <w:t>presence</w:t>
            </w:r>
            <w:r w:rsidR="00282F73">
              <w:rPr>
                <w:sz w:val="24"/>
                <w:szCs w:val="24"/>
              </w:rPr>
              <w:t xml:space="preserve"> could not be circumvented</w:t>
            </w:r>
            <w:r w:rsidR="00BF14BF">
              <w:rPr>
                <w:sz w:val="24"/>
                <w:szCs w:val="24"/>
              </w:rPr>
              <w:t>, but I was also the technology that</w:t>
            </w:r>
            <w:r w:rsidR="00631660">
              <w:rPr>
                <w:sz w:val="24"/>
                <w:szCs w:val="24"/>
              </w:rPr>
              <w:t xml:space="preserve"> was the </w:t>
            </w:r>
            <w:r w:rsidR="00DD32F3">
              <w:rPr>
                <w:sz w:val="24"/>
                <w:szCs w:val="24"/>
              </w:rPr>
              <w:t>furthest</w:t>
            </w:r>
            <w:r w:rsidR="00631660">
              <w:rPr>
                <w:sz w:val="24"/>
                <w:szCs w:val="24"/>
              </w:rPr>
              <w:t xml:space="preserve"> from anything I had encountered in the past</w:t>
            </w:r>
            <w:r w:rsidR="003457CD">
              <w:rPr>
                <w:sz w:val="24"/>
                <w:szCs w:val="24"/>
              </w:rPr>
              <w:t>. I found TensorFlow distinctly alien compared to all my past knowledge</w:t>
            </w:r>
            <w:r w:rsidR="007C4DCC">
              <w:rPr>
                <w:sz w:val="24"/>
                <w:szCs w:val="24"/>
              </w:rPr>
              <w:t xml:space="preserve"> of other technologies. On top of this</w:t>
            </w:r>
            <w:r w:rsidR="00B96195">
              <w:rPr>
                <w:sz w:val="24"/>
                <w:szCs w:val="24"/>
              </w:rPr>
              <w:t>, neural networks are an incredibly obtuse subject matter</w:t>
            </w:r>
            <w:r w:rsidR="0044420A">
              <w:rPr>
                <w:sz w:val="24"/>
                <w:szCs w:val="24"/>
              </w:rPr>
              <w:t>, that even</w:t>
            </w:r>
            <w:r w:rsidR="00303EF3">
              <w:rPr>
                <w:sz w:val="24"/>
                <w:szCs w:val="24"/>
              </w:rPr>
              <w:t xml:space="preserve"> experienced de</w:t>
            </w:r>
            <w:r w:rsidR="004733B0">
              <w:rPr>
                <w:sz w:val="24"/>
                <w:szCs w:val="24"/>
              </w:rPr>
              <w:t>velopers have issues wrapping their heads around.</w:t>
            </w:r>
          </w:p>
          <w:p w14:paraId="288BA7C1" w14:textId="3579C420" w:rsidR="00B15046" w:rsidRDefault="004733B0" w:rsidP="008B71D3">
            <w:pPr>
              <w:rPr>
                <w:sz w:val="24"/>
                <w:szCs w:val="24"/>
              </w:rPr>
            </w:pPr>
            <w:r>
              <w:rPr>
                <w:sz w:val="24"/>
                <w:szCs w:val="24"/>
              </w:rPr>
              <w:t>In the end</w:t>
            </w:r>
            <w:r w:rsidR="00781A9E">
              <w:rPr>
                <w:sz w:val="24"/>
                <w:szCs w:val="24"/>
              </w:rPr>
              <w:t>, I feel as though I utilised TensorFlow to an acceptable amount. The system that I have in place can certainly</w:t>
            </w:r>
            <w:r w:rsidR="000E7AF5">
              <w:rPr>
                <w:sz w:val="24"/>
                <w:szCs w:val="24"/>
              </w:rPr>
              <w:t xml:space="preserve"> be improved in the future, and the combination of </w:t>
            </w:r>
            <w:r w:rsidR="00A705BA">
              <w:rPr>
                <w:sz w:val="24"/>
                <w:szCs w:val="24"/>
              </w:rPr>
              <w:t>machine</w:t>
            </w:r>
            <w:r w:rsidR="000E7AF5">
              <w:rPr>
                <w:sz w:val="24"/>
                <w:szCs w:val="24"/>
              </w:rPr>
              <w:t xml:space="preserve"> learning and sentiment analysis has not come close </w:t>
            </w:r>
          </w:p>
          <w:p w14:paraId="1B65D605" w14:textId="77777777" w:rsidR="00F52E92" w:rsidRDefault="00F52E92" w:rsidP="008B71D3">
            <w:pPr>
              <w:rPr>
                <w:sz w:val="24"/>
                <w:szCs w:val="24"/>
              </w:rPr>
            </w:pPr>
          </w:p>
          <w:p w14:paraId="02D0EACC" w14:textId="13471209" w:rsidR="00086AEA" w:rsidRPr="00162534" w:rsidRDefault="00086AEA" w:rsidP="008B71D3">
            <w:pPr>
              <w:rPr>
                <w:sz w:val="24"/>
                <w:szCs w:val="24"/>
              </w:rPr>
            </w:pPr>
          </w:p>
        </w:tc>
      </w:tr>
      <w:tr w:rsidR="00BC242F" w14:paraId="1F0F0564" w14:textId="77777777" w:rsidTr="000A20BB">
        <w:tc>
          <w:tcPr>
            <w:tcW w:w="4806" w:type="dxa"/>
          </w:tcPr>
          <w:p w14:paraId="206BACC9" w14:textId="0C105EC4" w:rsidR="00005B4F" w:rsidRDefault="002E701C" w:rsidP="008B71D3">
            <w:pPr>
              <w:rPr>
                <w:noProof/>
              </w:rPr>
            </w:pPr>
            <w:r>
              <w:rPr>
                <w:noProof/>
              </w:rPr>
              <w:lastRenderedPageBreak/>
              <w:drawing>
                <wp:inline distT="0" distB="0" distL="0" distR="0" wp14:anchorId="546982A5" wp14:editId="085567EA">
                  <wp:extent cx="2537460" cy="929689"/>
                  <wp:effectExtent l="0" t="0" r="0" b="3810"/>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7"/>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2584629" cy="946971"/>
                          </a:xfrm>
                          <a:prstGeom prst="rect">
                            <a:avLst/>
                          </a:prstGeom>
                          <a:noFill/>
                          <a:ln>
                            <a:noFill/>
                          </a:ln>
                        </pic:spPr>
                      </pic:pic>
                    </a:graphicData>
                  </a:graphic>
                </wp:inline>
              </w:drawing>
            </w:r>
          </w:p>
        </w:tc>
        <w:tc>
          <w:tcPr>
            <w:tcW w:w="4220" w:type="dxa"/>
          </w:tcPr>
          <w:p w14:paraId="57459C5B" w14:textId="44C2F189" w:rsidR="00005B4F" w:rsidRDefault="002E701C" w:rsidP="008B71D3">
            <w:pPr>
              <w:rPr>
                <w:sz w:val="24"/>
                <w:szCs w:val="24"/>
              </w:rPr>
            </w:pPr>
            <w:r>
              <w:rPr>
                <w:b/>
                <w:bCs/>
                <w:sz w:val="24"/>
                <w:szCs w:val="24"/>
              </w:rPr>
              <w:t>Yahoo</w:t>
            </w:r>
            <w:r w:rsidR="00E32C9A">
              <w:rPr>
                <w:b/>
                <w:bCs/>
                <w:sz w:val="24"/>
                <w:szCs w:val="24"/>
              </w:rPr>
              <w:t xml:space="preserve"> Finance</w:t>
            </w:r>
            <w:r w:rsidR="00611EF6">
              <w:rPr>
                <w:b/>
                <w:bCs/>
                <w:sz w:val="24"/>
                <w:szCs w:val="24"/>
              </w:rPr>
              <w:t xml:space="preserve"> API</w:t>
            </w:r>
          </w:p>
          <w:p w14:paraId="154A34BD" w14:textId="77777777" w:rsidR="00E32C9A" w:rsidRDefault="00E32C9A" w:rsidP="008B71D3">
            <w:pPr>
              <w:rPr>
                <w:sz w:val="24"/>
                <w:szCs w:val="24"/>
              </w:rPr>
            </w:pPr>
            <w:r>
              <w:rPr>
                <w:sz w:val="24"/>
                <w:szCs w:val="24"/>
              </w:rPr>
              <w:t xml:space="preserve">Yahoo Finance </w:t>
            </w:r>
            <w:r w:rsidR="00611EF6">
              <w:rPr>
                <w:sz w:val="24"/>
                <w:szCs w:val="24"/>
              </w:rPr>
              <w:t xml:space="preserve">API </w:t>
            </w:r>
            <w:r>
              <w:rPr>
                <w:sz w:val="24"/>
                <w:szCs w:val="24"/>
              </w:rPr>
              <w:t xml:space="preserve">is an incredibly simple technology that only took minutes to learn how to use. You simply pass it a </w:t>
            </w:r>
            <w:r w:rsidR="00611EF6">
              <w:rPr>
                <w:sz w:val="24"/>
                <w:szCs w:val="24"/>
              </w:rPr>
              <w:t>companies ticker symbol and a date, and the API will return all the financial data relevant to that company on the specified date</w:t>
            </w:r>
            <w:r w:rsidR="00D14BA5">
              <w:rPr>
                <w:sz w:val="24"/>
                <w:szCs w:val="24"/>
              </w:rPr>
              <w:t xml:space="preserve"> in the form of a Data</w:t>
            </w:r>
            <w:r w:rsidR="00A3217C">
              <w:rPr>
                <w:sz w:val="24"/>
                <w:szCs w:val="24"/>
              </w:rPr>
              <w:t xml:space="preserve"> </w:t>
            </w:r>
            <w:r w:rsidR="00D14BA5">
              <w:rPr>
                <w:sz w:val="24"/>
                <w:szCs w:val="24"/>
              </w:rPr>
              <w:t>fram</w:t>
            </w:r>
            <w:r w:rsidR="00A3217C">
              <w:rPr>
                <w:sz w:val="24"/>
                <w:szCs w:val="24"/>
              </w:rPr>
              <w:t>e</w:t>
            </w:r>
            <w:r w:rsidR="00D14BA5">
              <w:rPr>
                <w:sz w:val="24"/>
                <w:szCs w:val="24"/>
              </w:rPr>
              <w:t>, which can</w:t>
            </w:r>
            <w:r w:rsidR="00A3217C">
              <w:rPr>
                <w:sz w:val="24"/>
                <w:szCs w:val="24"/>
              </w:rPr>
              <w:t xml:space="preserve"> be dissected further to gain the specific information you are looking for.</w:t>
            </w:r>
          </w:p>
          <w:p w14:paraId="5DD06712" w14:textId="085A8FC5" w:rsidR="000A20BB" w:rsidRPr="00E32C9A" w:rsidRDefault="000A20BB" w:rsidP="008B71D3">
            <w:pPr>
              <w:rPr>
                <w:sz w:val="24"/>
                <w:szCs w:val="24"/>
              </w:rPr>
            </w:pPr>
          </w:p>
        </w:tc>
      </w:tr>
      <w:tr w:rsidR="00BC242F" w14:paraId="43831576" w14:textId="77777777" w:rsidTr="000A20BB">
        <w:tc>
          <w:tcPr>
            <w:tcW w:w="4806" w:type="dxa"/>
          </w:tcPr>
          <w:p w14:paraId="7C6D6E69" w14:textId="27F39AF0" w:rsidR="00005B4F" w:rsidRDefault="005E371E" w:rsidP="008B71D3">
            <w:pPr>
              <w:rPr>
                <w:noProof/>
              </w:rPr>
            </w:pPr>
            <w:r>
              <w:rPr>
                <w:noProof/>
              </w:rPr>
              <w:drawing>
                <wp:inline distT="0" distB="0" distL="0" distR="0" wp14:anchorId="47995740" wp14:editId="62DF35F6">
                  <wp:extent cx="2910840" cy="1767840"/>
                  <wp:effectExtent l="0" t="0" r="3810" b="3810"/>
                  <wp:docPr id="16" name="Picture 16" descr="Spring | Hom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9" descr="Spring | Home"/>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2910840" cy="1767840"/>
                          </a:xfrm>
                          <a:prstGeom prst="rect">
                            <a:avLst/>
                          </a:prstGeom>
                          <a:noFill/>
                          <a:ln>
                            <a:noFill/>
                          </a:ln>
                        </pic:spPr>
                      </pic:pic>
                    </a:graphicData>
                  </a:graphic>
                </wp:inline>
              </w:drawing>
            </w:r>
          </w:p>
        </w:tc>
        <w:tc>
          <w:tcPr>
            <w:tcW w:w="4220" w:type="dxa"/>
          </w:tcPr>
          <w:p w14:paraId="49E44986" w14:textId="77777777" w:rsidR="00005B4F" w:rsidRDefault="004D70C2" w:rsidP="008B71D3">
            <w:pPr>
              <w:rPr>
                <w:b/>
                <w:bCs/>
                <w:sz w:val="24"/>
                <w:szCs w:val="24"/>
              </w:rPr>
            </w:pPr>
            <w:r>
              <w:rPr>
                <w:b/>
                <w:bCs/>
                <w:sz w:val="24"/>
                <w:szCs w:val="24"/>
              </w:rPr>
              <w:t>Spring MVC</w:t>
            </w:r>
          </w:p>
          <w:p w14:paraId="5AB23BD3" w14:textId="77777777" w:rsidR="004D70C2" w:rsidRDefault="004D70C2" w:rsidP="008B71D3">
            <w:pPr>
              <w:rPr>
                <w:sz w:val="24"/>
                <w:szCs w:val="24"/>
              </w:rPr>
            </w:pPr>
            <w:r>
              <w:rPr>
                <w:sz w:val="24"/>
                <w:szCs w:val="24"/>
              </w:rPr>
              <w:t>I used</w:t>
            </w:r>
            <w:r w:rsidR="00CF63E7">
              <w:rPr>
                <w:sz w:val="24"/>
                <w:szCs w:val="24"/>
              </w:rPr>
              <w:t xml:space="preserve"> Spring MVC to construct the website to display the data </w:t>
            </w:r>
            <w:r w:rsidR="006534C9">
              <w:rPr>
                <w:sz w:val="24"/>
                <w:szCs w:val="24"/>
              </w:rPr>
              <w:t>generated</w:t>
            </w:r>
            <w:r w:rsidR="00CF63E7">
              <w:rPr>
                <w:sz w:val="24"/>
                <w:szCs w:val="24"/>
              </w:rPr>
              <w:t xml:space="preserve"> from the rest of the project. </w:t>
            </w:r>
            <w:r w:rsidR="008A700C">
              <w:rPr>
                <w:sz w:val="24"/>
                <w:szCs w:val="24"/>
              </w:rPr>
              <w:t xml:space="preserve">I created I dynamic </w:t>
            </w:r>
            <w:r w:rsidR="006534C9">
              <w:rPr>
                <w:sz w:val="24"/>
                <w:szCs w:val="24"/>
              </w:rPr>
              <w:t>web project</w:t>
            </w:r>
            <w:r w:rsidR="008A700C">
              <w:rPr>
                <w:sz w:val="24"/>
                <w:szCs w:val="24"/>
              </w:rPr>
              <w:t xml:space="preserve"> in </w:t>
            </w:r>
            <w:r w:rsidR="008A700C">
              <w:rPr>
                <w:b/>
                <w:bCs/>
                <w:sz w:val="24"/>
                <w:szCs w:val="24"/>
              </w:rPr>
              <w:t>Eclipse JEE</w:t>
            </w:r>
            <w:r w:rsidR="008A700C">
              <w:rPr>
                <w:sz w:val="24"/>
                <w:szCs w:val="24"/>
              </w:rPr>
              <w:t>, which I then converted into a maven project to handle all of my spring</w:t>
            </w:r>
            <w:r w:rsidR="006534C9">
              <w:rPr>
                <w:sz w:val="24"/>
                <w:szCs w:val="24"/>
              </w:rPr>
              <w:t xml:space="preserve"> dependencies. I was able to use this to create a quick and simple </w:t>
            </w:r>
            <w:r w:rsidR="009406AB">
              <w:rPr>
                <w:sz w:val="24"/>
                <w:szCs w:val="24"/>
              </w:rPr>
              <w:t xml:space="preserve">website hosted on </w:t>
            </w:r>
            <w:r w:rsidR="008B3C82">
              <w:rPr>
                <w:sz w:val="24"/>
                <w:szCs w:val="24"/>
              </w:rPr>
              <w:t>an</w:t>
            </w:r>
            <w:r w:rsidR="009406AB">
              <w:rPr>
                <w:sz w:val="24"/>
                <w:szCs w:val="24"/>
              </w:rPr>
              <w:t xml:space="preserve"> </w:t>
            </w:r>
            <w:r w:rsidR="009406AB">
              <w:rPr>
                <w:b/>
                <w:bCs/>
                <w:sz w:val="24"/>
                <w:szCs w:val="24"/>
              </w:rPr>
              <w:t>Apache Tomcat</w:t>
            </w:r>
            <w:r w:rsidR="009406AB">
              <w:rPr>
                <w:sz w:val="24"/>
                <w:szCs w:val="24"/>
              </w:rPr>
              <w:t xml:space="preserve"> server.</w:t>
            </w:r>
          </w:p>
          <w:p w14:paraId="0D319DE5" w14:textId="5AD5E4AA" w:rsidR="000A20BB" w:rsidRPr="009406AB" w:rsidRDefault="000A20BB" w:rsidP="008B71D3">
            <w:pPr>
              <w:rPr>
                <w:sz w:val="24"/>
                <w:szCs w:val="24"/>
              </w:rPr>
            </w:pPr>
          </w:p>
        </w:tc>
      </w:tr>
      <w:tr w:rsidR="00BC242F" w14:paraId="3A7E5E95" w14:textId="77777777" w:rsidTr="000A20BB">
        <w:tc>
          <w:tcPr>
            <w:tcW w:w="4806" w:type="dxa"/>
          </w:tcPr>
          <w:p w14:paraId="295BAD08" w14:textId="5E22DDD2" w:rsidR="00005B4F" w:rsidRDefault="00280843" w:rsidP="008B71D3">
            <w:pPr>
              <w:rPr>
                <w:noProof/>
              </w:rPr>
            </w:pPr>
            <w:r>
              <w:rPr>
                <w:noProof/>
              </w:rPr>
              <w:drawing>
                <wp:inline distT="0" distB="0" distL="0" distR="0" wp14:anchorId="3D803443" wp14:editId="5AE6AA5F">
                  <wp:extent cx="2903220" cy="1569720"/>
                  <wp:effectExtent l="0" t="0" r="0" b="0"/>
                  <wp:docPr id="17" name="Picture 17" descr="C:\Users\i352770\AppData\Local\Microsoft\Windows\INetCache\Content.MSO\4476A835.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3" descr="C:\Users\i352770\AppData\Local\Microsoft\Windows\INetCache\Content.MSO\4476A835.tmp"/>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2903220" cy="1569720"/>
                          </a:xfrm>
                          <a:prstGeom prst="rect">
                            <a:avLst/>
                          </a:prstGeom>
                          <a:noFill/>
                          <a:ln>
                            <a:noFill/>
                          </a:ln>
                        </pic:spPr>
                      </pic:pic>
                    </a:graphicData>
                  </a:graphic>
                </wp:inline>
              </w:drawing>
            </w:r>
          </w:p>
        </w:tc>
        <w:tc>
          <w:tcPr>
            <w:tcW w:w="4220" w:type="dxa"/>
          </w:tcPr>
          <w:p w14:paraId="54F0D6F7" w14:textId="77777777" w:rsidR="00005B4F" w:rsidRDefault="00280843" w:rsidP="008B71D3">
            <w:pPr>
              <w:rPr>
                <w:b/>
                <w:bCs/>
                <w:sz w:val="24"/>
                <w:szCs w:val="24"/>
              </w:rPr>
            </w:pPr>
            <w:r>
              <w:rPr>
                <w:b/>
                <w:bCs/>
                <w:sz w:val="24"/>
                <w:szCs w:val="24"/>
              </w:rPr>
              <w:t>Apache Tomcat</w:t>
            </w:r>
          </w:p>
          <w:p w14:paraId="17CAA9B1" w14:textId="77777777" w:rsidR="00280843" w:rsidRDefault="00BE7D29" w:rsidP="008B71D3">
            <w:pPr>
              <w:rPr>
                <w:sz w:val="24"/>
                <w:szCs w:val="24"/>
              </w:rPr>
            </w:pPr>
            <w:r>
              <w:rPr>
                <w:sz w:val="24"/>
                <w:szCs w:val="24"/>
              </w:rPr>
              <w:t>Finally</w:t>
            </w:r>
            <w:r w:rsidR="00733142">
              <w:rPr>
                <w:sz w:val="24"/>
                <w:szCs w:val="24"/>
              </w:rPr>
              <w:t xml:space="preserve">, I </w:t>
            </w:r>
            <w:r w:rsidR="00FC6AE0">
              <w:rPr>
                <w:sz w:val="24"/>
                <w:szCs w:val="24"/>
              </w:rPr>
              <w:t xml:space="preserve">hosted my </w:t>
            </w:r>
            <w:r w:rsidR="00FC6AE0">
              <w:rPr>
                <w:b/>
                <w:bCs/>
                <w:sz w:val="24"/>
                <w:szCs w:val="24"/>
              </w:rPr>
              <w:t xml:space="preserve">Spring </w:t>
            </w:r>
            <w:r w:rsidR="003B200A">
              <w:rPr>
                <w:b/>
                <w:bCs/>
                <w:sz w:val="24"/>
                <w:szCs w:val="24"/>
              </w:rPr>
              <w:t xml:space="preserve">MVC </w:t>
            </w:r>
            <w:r w:rsidR="003B200A">
              <w:rPr>
                <w:sz w:val="24"/>
                <w:szCs w:val="24"/>
              </w:rPr>
              <w:t>web</w:t>
            </w:r>
            <w:r w:rsidR="00FC6AE0">
              <w:rPr>
                <w:sz w:val="24"/>
                <w:szCs w:val="24"/>
              </w:rPr>
              <w:t xml:space="preserve"> application on </w:t>
            </w:r>
            <w:r w:rsidR="00A215C6">
              <w:rPr>
                <w:sz w:val="24"/>
                <w:szCs w:val="24"/>
              </w:rPr>
              <w:t>an Apache Tomcat server, allowing for a simpl</w:t>
            </w:r>
            <w:r w:rsidR="00781C16">
              <w:rPr>
                <w:sz w:val="24"/>
                <w:szCs w:val="24"/>
              </w:rPr>
              <w:t>e creation and hosting of the ser</w:t>
            </w:r>
            <w:r>
              <w:rPr>
                <w:sz w:val="24"/>
                <w:szCs w:val="24"/>
              </w:rPr>
              <w:t>vice.</w:t>
            </w:r>
          </w:p>
          <w:p w14:paraId="305F1779" w14:textId="77777777" w:rsidR="000A20BB" w:rsidRDefault="000A20BB" w:rsidP="008B71D3">
            <w:pPr>
              <w:rPr>
                <w:sz w:val="24"/>
                <w:szCs w:val="24"/>
              </w:rPr>
            </w:pPr>
          </w:p>
          <w:p w14:paraId="3D09C2AE" w14:textId="4B14487C" w:rsidR="000A20BB" w:rsidRPr="00FC6AE0" w:rsidRDefault="000A20BB" w:rsidP="008B71D3">
            <w:pPr>
              <w:rPr>
                <w:sz w:val="24"/>
                <w:szCs w:val="24"/>
              </w:rPr>
            </w:pPr>
          </w:p>
        </w:tc>
      </w:tr>
      <w:tr w:rsidR="00BC242F" w:rsidRPr="00A53931" w14:paraId="630E9770" w14:textId="77777777" w:rsidTr="000A20BB">
        <w:tc>
          <w:tcPr>
            <w:tcW w:w="4806" w:type="dxa"/>
          </w:tcPr>
          <w:p w14:paraId="1106CA79" w14:textId="77777777" w:rsidR="000A20BB" w:rsidRPr="000A20BB" w:rsidRDefault="000A20BB" w:rsidP="00A3102F">
            <w:pPr>
              <w:rPr>
                <w:noProof/>
              </w:rPr>
            </w:pPr>
            <w:r>
              <w:rPr>
                <w:noProof/>
              </w:rPr>
              <w:lastRenderedPageBreak/>
              <w:drawing>
                <wp:inline distT="0" distB="0" distL="0" distR="0" wp14:anchorId="41D48458" wp14:editId="10E609F3">
                  <wp:extent cx="2141220" cy="2141220"/>
                  <wp:effectExtent l="0" t="0" r="0" b="0"/>
                  <wp:docPr id="13" name="Picture 13" descr="C:\Users\i352770\AppData\Local\Microsoft\Windows\INetCache\Content.MSO\2104A953.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3" descr="C:\Users\i352770\AppData\Local\Microsoft\Windows\INetCache\Content.MSO\2104A953.tmp"/>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141220" cy="2141220"/>
                          </a:xfrm>
                          <a:prstGeom prst="rect">
                            <a:avLst/>
                          </a:prstGeom>
                          <a:noFill/>
                          <a:ln>
                            <a:noFill/>
                          </a:ln>
                        </pic:spPr>
                      </pic:pic>
                    </a:graphicData>
                  </a:graphic>
                </wp:inline>
              </w:drawing>
            </w:r>
          </w:p>
        </w:tc>
        <w:tc>
          <w:tcPr>
            <w:tcW w:w="4220" w:type="dxa"/>
          </w:tcPr>
          <w:p w14:paraId="4C92412C" w14:textId="77777777" w:rsidR="000A20BB" w:rsidRDefault="000A20BB" w:rsidP="00A3102F">
            <w:pPr>
              <w:rPr>
                <w:b/>
                <w:bCs/>
                <w:sz w:val="24"/>
                <w:szCs w:val="24"/>
              </w:rPr>
            </w:pPr>
            <w:r>
              <w:rPr>
                <w:b/>
                <w:bCs/>
                <w:sz w:val="24"/>
                <w:szCs w:val="24"/>
              </w:rPr>
              <w:t xml:space="preserve">MySQL </w:t>
            </w:r>
          </w:p>
          <w:p w14:paraId="21DB1E30" w14:textId="77777777" w:rsidR="000A20BB" w:rsidRPr="000A20BB" w:rsidRDefault="000A20BB" w:rsidP="00A3102F">
            <w:pPr>
              <w:rPr>
                <w:sz w:val="24"/>
                <w:szCs w:val="24"/>
              </w:rPr>
            </w:pPr>
            <w:r w:rsidRPr="000A20BB">
              <w:rPr>
                <w:sz w:val="24"/>
                <w:szCs w:val="24"/>
              </w:rPr>
              <w:t>MySQL is a basic run-of-the-mill database. It provided exactly what the project needed, in regard to the fact that the project only required basic database functions, such as data to be saved and retrieved across multiple sections of the project.</w:t>
            </w:r>
          </w:p>
          <w:p w14:paraId="6E21CBCF" w14:textId="77777777" w:rsidR="000A20BB" w:rsidRPr="000A20BB" w:rsidRDefault="000A20BB" w:rsidP="00A3102F">
            <w:pPr>
              <w:rPr>
                <w:b/>
                <w:bCs/>
                <w:sz w:val="24"/>
                <w:szCs w:val="24"/>
              </w:rPr>
            </w:pPr>
          </w:p>
          <w:p w14:paraId="2194C321" w14:textId="77777777" w:rsidR="000A20BB" w:rsidRPr="000A20BB" w:rsidRDefault="000A20BB" w:rsidP="00A3102F">
            <w:pPr>
              <w:rPr>
                <w:b/>
                <w:bCs/>
                <w:sz w:val="24"/>
                <w:szCs w:val="24"/>
              </w:rPr>
            </w:pPr>
          </w:p>
        </w:tc>
      </w:tr>
      <w:tr w:rsidR="00BC242F" w:rsidRPr="00A53931" w14:paraId="2CB01F95" w14:textId="77777777" w:rsidTr="000A20BB">
        <w:tc>
          <w:tcPr>
            <w:tcW w:w="4806" w:type="dxa"/>
          </w:tcPr>
          <w:p w14:paraId="13936E72" w14:textId="69D3169C" w:rsidR="00945841" w:rsidRDefault="00653A6A" w:rsidP="00A3102F">
            <w:pPr>
              <w:rPr>
                <w:noProof/>
              </w:rPr>
            </w:pPr>
            <w:r>
              <w:rPr>
                <w:noProof/>
              </w:rPr>
              <w:drawing>
                <wp:inline distT="0" distB="0" distL="0" distR="0" wp14:anchorId="6131A4E0" wp14:editId="6D9B273B">
                  <wp:extent cx="1668780" cy="166878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23" cstate="print">
                            <a:extLst>
                              <a:ext uri="{28A0092B-C50C-407E-A947-70E740481C1C}">
                                <a14:useLocalDpi xmlns:a14="http://schemas.microsoft.com/office/drawing/2010/main" val="0"/>
                              </a:ext>
                            </a:extLst>
                          </a:blip>
                          <a:srcRect/>
                          <a:stretch>
                            <a:fillRect/>
                          </a:stretch>
                        </pic:blipFill>
                        <pic:spPr bwMode="auto">
                          <a:xfrm>
                            <a:off x="0" y="0"/>
                            <a:ext cx="1668780" cy="1668780"/>
                          </a:xfrm>
                          <a:prstGeom prst="rect">
                            <a:avLst/>
                          </a:prstGeom>
                          <a:noFill/>
                          <a:ln>
                            <a:noFill/>
                          </a:ln>
                        </pic:spPr>
                      </pic:pic>
                    </a:graphicData>
                  </a:graphic>
                </wp:inline>
              </w:drawing>
            </w:r>
          </w:p>
        </w:tc>
        <w:tc>
          <w:tcPr>
            <w:tcW w:w="4220" w:type="dxa"/>
          </w:tcPr>
          <w:p w14:paraId="1AB3D3E3" w14:textId="77777777" w:rsidR="00945841" w:rsidRDefault="00217F85" w:rsidP="00A3102F">
            <w:pPr>
              <w:rPr>
                <w:b/>
                <w:bCs/>
                <w:sz w:val="24"/>
                <w:szCs w:val="24"/>
              </w:rPr>
            </w:pPr>
            <w:r>
              <w:rPr>
                <w:b/>
                <w:bCs/>
                <w:sz w:val="24"/>
                <w:szCs w:val="24"/>
              </w:rPr>
              <w:t>Bootstrap</w:t>
            </w:r>
          </w:p>
          <w:p w14:paraId="2248742D" w14:textId="77777777" w:rsidR="00217F85" w:rsidRDefault="00217F85" w:rsidP="00A3102F">
            <w:pPr>
              <w:rPr>
                <w:sz w:val="24"/>
                <w:szCs w:val="24"/>
              </w:rPr>
            </w:pPr>
            <w:r>
              <w:rPr>
                <w:sz w:val="24"/>
                <w:szCs w:val="24"/>
              </w:rPr>
              <w:t xml:space="preserve">Bootstrap is a collection of CSS and </w:t>
            </w:r>
            <w:r w:rsidR="008876BD">
              <w:rPr>
                <w:sz w:val="24"/>
                <w:szCs w:val="24"/>
              </w:rPr>
              <w:t>JavaScript</w:t>
            </w:r>
            <w:r>
              <w:rPr>
                <w:sz w:val="24"/>
                <w:szCs w:val="24"/>
              </w:rPr>
              <w:t xml:space="preserve"> libraries that I used to </w:t>
            </w:r>
            <w:r w:rsidR="008876BD">
              <w:rPr>
                <w:sz w:val="24"/>
                <w:szCs w:val="24"/>
              </w:rPr>
              <w:t>style and organise the website.</w:t>
            </w:r>
          </w:p>
          <w:p w14:paraId="4886B174" w14:textId="77777777" w:rsidR="001620BA" w:rsidRDefault="001620BA" w:rsidP="00A3102F">
            <w:pPr>
              <w:rPr>
                <w:sz w:val="24"/>
                <w:szCs w:val="24"/>
              </w:rPr>
            </w:pPr>
          </w:p>
          <w:p w14:paraId="63EAB084" w14:textId="77777777" w:rsidR="001620BA" w:rsidRDefault="001620BA" w:rsidP="00A3102F">
            <w:pPr>
              <w:rPr>
                <w:sz w:val="24"/>
                <w:szCs w:val="24"/>
              </w:rPr>
            </w:pPr>
          </w:p>
          <w:p w14:paraId="594D3A4F" w14:textId="77777777" w:rsidR="001620BA" w:rsidRDefault="001620BA" w:rsidP="00A3102F">
            <w:pPr>
              <w:rPr>
                <w:sz w:val="24"/>
                <w:szCs w:val="24"/>
              </w:rPr>
            </w:pPr>
          </w:p>
          <w:p w14:paraId="1A00D320" w14:textId="3D82ADAA" w:rsidR="001620BA" w:rsidRPr="00217F85" w:rsidRDefault="001620BA" w:rsidP="00A3102F">
            <w:pPr>
              <w:rPr>
                <w:sz w:val="24"/>
                <w:szCs w:val="24"/>
              </w:rPr>
            </w:pPr>
          </w:p>
        </w:tc>
      </w:tr>
      <w:tr w:rsidR="00E237EB" w:rsidRPr="00A53931" w14:paraId="133F2A28" w14:textId="77777777" w:rsidTr="000A20BB">
        <w:tc>
          <w:tcPr>
            <w:tcW w:w="4806" w:type="dxa"/>
          </w:tcPr>
          <w:p w14:paraId="3825C9A9" w14:textId="66B35835" w:rsidR="00E237EB" w:rsidRDefault="00BC242F" w:rsidP="00A3102F">
            <w:pPr>
              <w:rPr>
                <w:noProof/>
              </w:rPr>
            </w:pPr>
            <w:r>
              <w:rPr>
                <w:noProof/>
              </w:rPr>
              <w:drawing>
                <wp:inline distT="0" distB="0" distL="0" distR="0" wp14:anchorId="4920B58D" wp14:editId="1E01EE2A">
                  <wp:extent cx="2118360" cy="866602"/>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133267" cy="872700"/>
                          </a:xfrm>
                          <a:prstGeom prst="rect">
                            <a:avLst/>
                          </a:prstGeom>
                          <a:noFill/>
                          <a:ln>
                            <a:noFill/>
                          </a:ln>
                        </pic:spPr>
                      </pic:pic>
                    </a:graphicData>
                  </a:graphic>
                </wp:inline>
              </w:drawing>
            </w:r>
          </w:p>
        </w:tc>
        <w:tc>
          <w:tcPr>
            <w:tcW w:w="4220" w:type="dxa"/>
          </w:tcPr>
          <w:p w14:paraId="62AB8186" w14:textId="77777777" w:rsidR="00E237EB" w:rsidRDefault="00C60078" w:rsidP="00A3102F">
            <w:pPr>
              <w:rPr>
                <w:b/>
                <w:bCs/>
                <w:sz w:val="24"/>
                <w:szCs w:val="24"/>
              </w:rPr>
            </w:pPr>
            <w:r>
              <w:rPr>
                <w:b/>
                <w:bCs/>
                <w:sz w:val="24"/>
                <w:szCs w:val="24"/>
              </w:rPr>
              <w:t>Google Charts</w:t>
            </w:r>
          </w:p>
          <w:p w14:paraId="1CB62892" w14:textId="399D7C0C" w:rsidR="00C60078" w:rsidRPr="00C60078" w:rsidRDefault="00C60078" w:rsidP="00A3102F">
            <w:pPr>
              <w:rPr>
                <w:sz w:val="24"/>
                <w:szCs w:val="24"/>
              </w:rPr>
            </w:pPr>
            <w:r>
              <w:rPr>
                <w:sz w:val="24"/>
                <w:szCs w:val="24"/>
              </w:rPr>
              <w:t xml:space="preserve">Google charts is a </w:t>
            </w:r>
            <w:r w:rsidR="001620BA">
              <w:rPr>
                <w:sz w:val="24"/>
                <w:szCs w:val="24"/>
              </w:rPr>
              <w:t>JavaScript</w:t>
            </w:r>
            <w:r>
              <w:rPr>
                <w:sz w:val="24"/>
                <w:szCs w:val="24"/>
              </w:rPr>
              <w:t xml:space="preserve"> </w:t>
            </w:r>
            <w:r w:rsidR="00BA340A">
              <w:rPr>
                <w:sz w:val="24"/>
                <w:szCs w:val="24"/>
              </w:rPr>
              <w:t>API from google that allows developers to create interactive charts on their websites.</w:t>
            </w:r>
            <w:r w:rsidR="00ED2E53">
              <w:rPr>
                <w:sz w:val="24"/>
                <w:szCs w:val="24"/>
              </w:rPr>
              <w:br/>
              <w:t xml:space="preserve">I used it for the sole purpose of creating material line graphs for the </w:t>
            </w:r>
            <w:r w:rsidR="001620BA">
              <w:rPr>
                <w:sz w:val="24"/>
                <w:szCs w:val="24"/>
              </w:rPr>
              <w:t>company’s</w:t>
            </w:r>
            <w:r w:rsidR="00ED2E53">
              <w:rPr>
                <w:sz w:val="24"/>
                <w:szCs w:val="24"/>
              </w:rPr>
              <w:t xml:space="preserve"> individual pages.</w:t>
            </w:r>
          </w:p>
        </w:tc>
      </w:tr>
    </w:tbl>
    <w:p w14:paraId="6303DB62" w14:textId="02AE0757" w:rsidR="000D3ABE" w:rsidRDefault="000D3ABE" w:rsidP="00EE3554">
      <w:pPr>
        <w:rPr>
          <w:sz w:val="24"/>
          <w:szCs w:val="24"/>
        </w:rPr>
      </w:pPr>
    </w:p>
    <w:p w14:paraId="695C477B" w14:textId="142F2057" w:rsidR="000A20BB" w:rsidRDefault="000A20BB" w:rsidP="00EE3554">
      <w:pPr>
        <w:rPr>
          <w:sz w:val="24"/>
          <w:szCs w:val="24"/>
        </w:rPr>
      </w:pPr>
    </w:p>
    <w:p w14:paraId="6EF86E3D" w14:textId="4BAA02AF" w:rsidR="000A20BB" w:rsidRDefault="000A20BB" w:rsidP="00EE3554">
      <w:pPr>
        <w:rPr>
          <w:sz w:val="24"/>
          <w:szCs w:val="24"/>
        </w:rPr>
      </w:pPr>
    </w:p>
    <w:p w14:paraId="5435DC66" w14:textId="31551351" w:rsidR="000A20BB" w:rsidRDefault="000A20BB" w:rsidP="00EE3554">
      <w:pPr>
        <w:rPr>
          <w:sz w:val="24"/>
          <w:szCs w:val="24"/>
        </w:rPr>
      </w:pPr>
    </w:p>
    <w:p w14:paraId="27D2D13C" w14:textId="5DB1B739" w:rsidR="000A20BB" w:rsidRDefault="000A20BB" w:rsidP="00EE3554">
      <w:pPr>
        <w:rPr>
          <w:sz w:val="24"/>
          <w:szCs w:val="24"/>
        </w:rPr>
      </w:pPr>
    </w:p>
    <w:p w14:paraId="05CEEA0A" w14:textId="6DF53D6C" w:rsidR="000A20BB" w:rsidRDefault="000A20BB" w:rsidP="00EE3554">
      <w:pPr>
        <w:rPr>
          <w:sz w:val="24"/>
          <w:szCs w:val="24"/>
        </w:rPr>
      </w:pPr>
    </w:p>
    <w:p w14:paraId="7442567C" w14:textId="2FFCD5CC" w:rsidR="000A20BB" w:rsidRDefault="000A20BB" w:rsidP="00EE3554">
      <w:pPr>
        <w:rPr>
          <w:sz w:val="24"/>
          <w:szCs w:val="24"/>
        </w:rPr>
      </w:pPr>
    </w:p>
    <w:p w14:paraId="11A2CB9A" w14:textId="2D699A47" w:rsidR="000A20BB" w:rsidRDefault="000A20BB" w:rsidP="00EE3554">
      <w:pPr>
        <w:rPr>
          <w:sz w:val="24"/>
          <w:szCs w:val="24"/>
        </w:rPr>
      </w:pPr>
    </w:p>
    <w:p w14:paraId="6F444171" w14:textId="77777777" w:rsidR="000A20BB" w:rsidRDefault="000A20BB" w:rsidP="00EE3554">
      <w:pPr>
        <w:rPr>
          <w:sz w:val="24"/>
          <w:szCs w:val="24"/>
        </w:rPr>
      </w:pPr>
    </w:p>
    <w:p w14:paraId="0B3BC6A6" w14:textId="1E892351" w:rsidR="00812805" w:rsidRDefault="007E58EA" w:rsidP="007E58EA">
      <w:pPr>
        <w:pStyle w:val="Heading1"/>
      </w:pPr>
      <w:r>
        <w:lastRenderedPageBreak/>
        <w:t>Data Model</w:t>
      </w:r>
    </w:p>
    <w:p w14:paraId="0E1C8B35" w14:textId="4C661CBF" w:rsidR="007E58EA" w:rsidRDefault="007E58EA" w:rsidP="007E58EA">
      <w:pPr>
        <w:pStyle w:val="Heading2"/>
      </w:pPr>
      <w:r>
        <w:t>Data model Diagram</w:t>
      </w:r>
    </w:p>
    <w:p w14:paraId="0469A11C" w14:textId="07E4CCD4" w:rsidR="00F739EF" w:rsidRDefault="00742685" w:rsidP="00F739EF">
      <w:r>
        <w:rPr>
          <w:noProof/>
        </w:rPr>
        <w:drawing>
          <wp:inline distT="0" distB="0" distL="0" distR="0" wp14:anchorId="1A3D68DA" wp14:editId="512808C2">
            <wp:extent cx="4244340" cy="3421380"/>
            <wp:effectExtent l="0" t="0" r="3810" b="762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4244340" cy="3421380"/>
                    </a:xfrm>
                    <a:prstGeom prst="rect">
                      <a:avLst/>
                    </a:prstGeom>
                    <a:noFill/>
                    <a:ln>
                      <a:noFill/>
                    </a:ln>
                  </pic:spPr>
                </pic:pic>
              </a:graphicData>
            </a:graphic>
          </wp:inline>
        </w:drawing>
      </w:r>
    </w:p>
    <w:p w14:paraId="63D60297" w14:textId="77777777" w:rsidR="00161810" w:rsidRPr="00F739EF" w:rsidRDefault="00161810" w:rsidP="00F739EF"/>
    <w:p w14:paraId="2E0980FD" w14:textId="1C0C70BF" w:rsidR="00A8102E" w:rsidRPr="00A8102E" w:rsidRDefault="00A8102E" w:rsidP="00A8102E">
      <w:pPr>
        <w:pStyle w:val="Heading2"/>
      </w:pPr>
      <w:r>
        <w:t>Database Object Summery</w:t>
      </w:r>
    </w:p>
    <w:p w14:paraId="098BF1E4" w14:textId="37286843" w:rsidR="00AA0AC4" w:rsidRDefault="00FA5C2C" w:rsidP="00AA0AC4">
      <w:pPr>
        <w:rPr>
          <w:sz w:val="24"/>
          <w:szCs w:val="24"/>
        </w:rPr>
      </w:pPr>
      <w:r>
        <w:rPr>
          <w:sz w:val="24"/>
          <w:szCs w:val="24"/>
        </w:rPr>
        <w:t>Database</w:t>
      </w:r>
    </w:p>
    <w:p w14:paraId="24349D1F" w14:textId="3F513B26" w:rsidR="002C2525" w:rsidRDefault="001F0A2C" w:rsidP="00AA0AC4">
      <w:pPr>
        <w:rPr>
          <w:sz w:val="24"/>
          <w:szCs w:val="24"/>
        </w:rPr>
      </w:pPr>
      <w:r>
        <w:rPr>
          <w:noProof/>
          <w:sz w:val="24"/>
          <w:szCs w:val="24"/>
        </w:rPr>
        <w:drawing>
          <wp:inline distT="0" distB="0" distL="0" distR="0" wp14:anchorId="65B3112D" wp14:editId="6EFB71FF">
            <wp:extent cx="1531620" cy="120396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1531620" cy="1203960"/>
                    </a:xfrm>
                    <a:prstGeom prst="rect">
                      <a:avLst/>
                    </a:prstGeom>
                    <a:noFill/>
                    <a:ln>
                      <a:noFill/>
                    </a:ln>
                  </pic:spPr>
                </pic:pic>
              </a:graphicData>
            </a:graphic>
          </wp:inline>
        </w:drawing>
      </w:r>
    </w:p>
    <w:p w14:paraId="55137D53" w14:textId="67BBBC35" w:rsidR="008C67BD" w:rsidRDefault="008C67BD" w:rsidP="00AA0AC4">
      <w:pPr>
        <w:rPr>
          <w:sz w:val="24"/>
          <w:szCs w:val="24"/>
        </w:rPr>
      </w:pPr>
    </w:p>
    <w:p w14:paraId="28301C0A" w14:textId="6C939824" w:rsidR="008C67BD" w:rsidRDefault="008C67BD" w:rsidP="00AA0AC4">
      <w:pPr>
        <w:rPr>
          <w:sz w:val="24"/>
          <w:szCs w:val="24"/>
        </w:rPr>
      </w:pPr>
      <w:r>
        <w:rPr>
          <w:sz w:val="24"/>
          <w:szCs w:val="24"/>
        </w:rPr>
        <w:t>Company Table</w:t>
      </w:r>
    </w:p>
    <w:p w14:paraId="75408633" w14:textId="451715F2" w:rsidR="008C67BD" w:rsidRDefault="00526116" w:rsidP="00AA0AC4">
      <w:pPr>
        <w:rPr>
          <w:sz w:val="24"/>
          <w:szCs w:val="24"/>
        </w:rPr>
      </w:pPr>
      <w:r>
        <w:rPr>
          <w:noProof/>
          <w:sz w:val="24"/>
          <w:szCs w:val="24"/>
        </w:rPr>
        <w:drawing>
          <wp:inline distT="0" distB="0" distL="0" distR="0" wp14:anchorId="6BAF5D2E" wp14:editId="7F178A06">
            <wp:extent cx="4305300" cy="88392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4305300" cy="883920"/>
                    </a:xfrm>
                    <a:prstGeom prst="rect">
                      <a:avLst/>
                    </a:prstGeom>
                    <a:noFill/>
                    <a:ln>
                      <a:noFill/>
                    </a:ln>
                  </pic:spPr>
                </pic:pic>
              </a:graphicData>
            </a:graphic>
          </wp:inline>
        </w:drawing>
      </w:r>
    </w:p>
    <w:p w14:paraId="0BFC74D0" w14:textId="2CD041DA" w:rsidR="00826F63" w:rsidRDefault="00826F63" w:rsidP="00AA0AC4">
      <w:pPr>
        <w:rPr>
          <w:sz w:val="24"/>
          <w:szCs w:val="24"/>
        </w:rPr>
      </w:pPr>
    </w:p>
    <w:p w14:paraId="4C7B1F56" w14:textId="2A6E0999" w:rsidR="00F52E92" w:rsidRDefault="00F52E92" w:rsidP="00AA0AC4">
      <w:pPr>
        <w:rPr>
          <w:sz w:val="24"/>
          <w:szCs w:val="24"/>
        </w:rPr>
      </w:pPr>
    </w:p>
    <w:p w14:paraId="5A7306E0" w14:textId="09DBA67B" w:rsidR="00F52E92" w:rsidRDefault="00F52E92" w:rsidP="00AA0AC4">
      <w:pPr>
        <w:rPr>
          <w:sz w:val="24"/>
          <w:szCs w:val="24"/>
        </w:rPr>
      </w:pPr>
    </w:p>
    <w:p w14:paraId="4A8E6DC3" w14:textId="77777777" w:rsidR="00F52E92" w:rsidRDefault="00F52E92" w:rsidP="00AA0AC4">
      <w:pPr>
        <w:rPr>
          <w:sz w:val="24"/>
          <w:szCs w:val="24"/>
        </w:rPr>
      </w:pPr>
    </w:p>
    <w:p w14:paraId="55B0F442" w14:textId="4A3561BC" w:rsidR="00826F63" w:rsidRDefault="00826F63" w:rsidP="00AA0AC4">
      <w:pPr>
        <w:rPr>
          <w:sz w:val="24"/>
          <w:szCs w:val="24"/>
        </w:rPr>
      </w:pPr>
      <w:r>
        <w:rPr>
          <w:sz w:val="24"/>
          <w:szCs w:val="24"/>
        </w:rPr>
        <w:t>Company/Sentiment joint table</w:t>
      </w:r>
    </w:p>
    <w:p w14:paraId="7CF3495A" w14:textId="34F1AE5F" w:rsidR="00BA2DD4" w:rsidRDefault="00BA2DD4" w:rsidP="00AA0AC4">
      <w:pPr>
        <w:rPr>
          <w:sz w:val="24"/>
          <w:szCs w:val="24"/>
        </w:rPr>
      </w:pPr>
      <w:r>
        <w:rPr>
          <w:noProof/>
          <w:sz w:val="24"/>
          <w:szCs w:val="24"/>
        </w:rPr>
        <w:drawing>
          <wp:inline distT="0" distB="0" distL="0" distR="0" wp14:anchorId="553D70CA" wp14:editId="390BC6D0">
            <wp:extent cx="4198620" cy="868680"/>
            <wp:effectExtent l="0" t="0" r="0" b="7620"/>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4198620" cy="868680"/>
                    </a:xfrm>
                    <a:prstGeom prst="rect">
                      <a:avLst/>
                    </a:prstGeom>
                    <a:noFill/>
                    <a:ln>
                      <a:noFill/>
                    </a:ln>
                  </pic:spPr>
                </pic:pic>
              </a:graphicData>
            </a:graphic>
          </wp:inline>
        </w:drawing>
      </w:r>
    </w:p>
    <w:p w14:paraId="36BB441C" w14:textId="7A194FBB" w:rsidR="00BA2DD4" w:rsidRDefault="00BA2DD4" w:rsidP="00AA0AC4">
      <w:pPr>
        <w:rPr>
          <w:sz w:val="24"/>
          <w:szCs w:val="24"/>
        </w:rPr>
      </w:pPr>
    </w:p>
    <w:p w14:paraId="3814BC6F" w14:textId="71AD7C44" w:rsidR="00BA2DD4" w:rsidRDefault="0074648D" w:rsidP="00AA0AC4">
      <w:pPr>
        <w:rPr>
          <w:sz w:val="24"/>
          <w:szCs w:val="24"/>
        </w:rPr>
      </w:pPr>
      <w:r>
        <w:rPr>
          <w:sz w:val="24"/>
          <w:szCs w:val="24"/>
        </w:rPr>
        <w:t>Sentiment table</w:t>
      </w:r>
    </w:p>
    <w:p w14:paraId="27854094" w14:textId="5515AAB4" w:rsidR="0074648D" w:rsidRDefault="0074648D" w:rsidP="00AA0AC4">
      <w:pPr>
        <w:rPr>
          <w:sz w:val="24"/>
          <w:szCs w:val="24"/>
        </w:rPr>
      </w:pPr>
      <w:r>
        <w:rPr>
          <w:noProof/>
          <w:sz w:val="24"/>
          <w:szCs w:val="24"/>
        </w:rPr>
        <w:drawing>
          <wp:inline distT="0" distB="0" distL="0" distR="0" wp14:anchorId="15659930" wp14:editId="22AF8E2B">
            <wp:extent cx="4152900" cy="1295400"/>
            <wp:effectExtent l="0" t="0" r="0" b="0"/>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3"/>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4152900" cy="1295400"/>
                    </a:xfrm>
                    <a:prstGeom prst="rect">
                      <a:avLst/>
                    </a:prstGeom>
                    <a:noFill/>
                    <a:ln>
                      <a:noFill/>
                    </a:ln>
                  </pic:spPr>
                </pic:pic>
              </a:graphicData>
            </a:graphic>
          </wp:inline>
        </w:drawing>
      </w:r>
    </w:p>
    <w:p w14:paraId="3B42A591" w14:textId="06D66DEB" w:rsidR="00F52E92" w:rsidRDefault="00F52E92" w:rsidP="00AA0AC4">
      <w:pPr>
        <w:rPr>
          <w:sz w:val="24"/>
          <w:szCs w:val="24"/>
        </w:rPr>
      </w:pPr>
    </w:p>
    <w:p w14:paraId="68A7E8E7" w14:textId="488CA31B" w:rsidR="003C6BA5" w:rsidRDefault="00A914C2" w:rsidP="00AA0AC4">
      <w:pPr>
        <w:rPr>
          <w:sz w:val="24"/>
          <w:szCs w:val="24"/>
        </w:rPr>
      </w:pPr>
      <w:r>
        <w:rPr>
          <w:sz w:val="24"/>
          <w:szCs w:val="24"/>
        </w:rPr>
        <w:t>User Table</w:t>
      </w:r>
    </w:p>
    <w:p w14:paraId="620CE391" w14:textId="338688B4" w:rsidR="003C6BA5" w:rsidRDefault="003C6BA5" w:rsidP="00AA0AC4">
      <w:pPr>
        <w:rPr>
          <w:sz w:val="24"/>
          <w:szCs w:val="24"/>
        </w:rPr>
      </w:pPr>
      <w:r>
        <w:rPr>
          <w:noProof/>
          <w:sz w:val="24"/>
          <w:szCs w:val="24"/>
        </w:rPr>
        <w:drawing>
          <wp:inline distT="0" distB="0" distL="0" distR="0" wp14:anchorId="026742B7" wp14:editId="25B53387">
            <wp:extent cx="4610100" cy="99822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610100" cy="998220"/>
                    </a:xfrm>
                    <a:prstGeom prst="rect">
                      <a:avLst/>
                    </a:prstGeom>
                    <a:noFill/>
                    <a:ln>
                      <a:noFill/>
                    </a:ln>
                  </pic:spPr>
                </pic:pic>
              </a:graphicData>
            </a:graphic>
          </wp:inline>
        </w:drawing>
      </w:r>
    </w:p>
    <w:p w14:paraId="3D924775" w14:textId="2FCC29F9" w:rsidR="00F52E92" w:rsidRDefault="00F52E92" w:rsidP="00AA0AC4">
      <w:pPr>
        <w:rPr>
          <w:sz w:val="24"/>
          <w:szCs w:val="24"/>
        </w:rPr>
      </w:pPr>
    </w:p>
    <w:p w14:paraId="46730076" w14:textId="44E581E3" w:rsidR="00F52E92" w:rsidRDefault="00F52E92" w:rsidP="00AA0AC4">
      <w:pPr>
        <w:rPr>
          <w:sz w:val="24"/>
          <w:szCs w:val="24"/>
        </w:rPr>
      </w:pPr>
    </w:p>
    <w:p w14:paraId="33B4C532" w14:textId="38FDDFF0" w:rsidR="00F52E92" w:rsidRDefault="00F52E92" w:rsidP="00AA0AC4">
      <w:pPr>
        <w:rPr>
          <w:sz w:val="24"/>
          <w:szCs w:val="24"/>
        </w:rPr>
      </w:pPr>
    </w:p>
    <w:p w14:paraId="7E84CCAE" w14:textId="77777777" w:rsidR="00F52E92" w:rsidRPr="00AA0AC4" w:rsidRDefault="00F52E92" w:rsidP="00AA0AC4">
      <w:pPr>
        <w:rPr>
          <w:sz w:val="24"/>
          <w:szCs w:val="24"/>
        </w:rPr>
      </w:pPr>
    </w:p>
    <w:p w14:paraId="0BFC7D2E" w14:textId="3A9CA1C5" w:rsidR="005728BA" w:rsidRDefault="005728BA" w:rsidP="005728BA">
      <w:pPr>
        <w:pStyle w:val="Heading1"/>
      </w:pPr>
      <w:r>
        <w:lastRenderedPageBreak/>
        <w:t>Implementation</w:t>
      </w:r>
    </w:p>
    <w:p w14:paraId="062B44A6" w14:textId="3F5B3AB6" w:rsidR="006B74E8" w:rsidRDefault="003A7C6C" w:rsidP="006B74E8">
      <w:pPr>
        <w:pStyle w:val="Heading2"/>
      </w:pPr>
      <w:r>
        <w:t>Web scrapping</w:t>
      </w:r>
    </w:p>
    <w:p w14:paraId="0FCDE293" w14:textId="0B4055A0" w:rsidR="003A7C6C" w:rsidRDefault="001A32A6" w:rsidP="003A7C6C">
      <w:r>
        <w:rPr>
          <w:noProof/>
        </w:rPr>
        <w:drawing>
          <wp:inline distT="0" distB="0" distL="0" distR="0" wp14:anchorId="0DF6DA20" wp14:editId="2BAE817E">
            <wp:extent cx="5722620" cy="3390900"/>
            <wp:effectExtent l="0" t="0" r="0" b="0"/>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722620" cy="3390900"/>
                    </a:xfrm>
                    <a:prstGeom prst="rect">
                      <a:avLst/>
                    </a:prstGeom>
                    <a:noFill/>
                    <a:ln>
                      <a:noFill/>
                    </a:ln>
                  </pic:spPr>
                </pic:pic>
              </a:graphicData>
            </a:graphic>
          </wp:inline>
        </w:drawing>
      </w:r>
    </w:p>
    <w:p w14:paraId="4073FEA0" w14:textId="59187F0F" w:rsidR="009E04AB" w:rsidRDefault="00331DE6" w:rsidP="003A7C6C">
      <w:pPr>
        <w:rPr>
          <w:sz w:val="24"/>
          <w:szCs w:val="24"/>
        </w:rPr>
      </w:pPr>
      <w:r>
        <w:rPr>
          <w:sz w:val="24"/>
          <w:szCs w:val="24"/>
        </w:rPr>
        <w:t xml:space="preserve">The first action that the system </w:t>
      </w:r>
      <w:r w:rsidR="00E828A9">
        <w:rPr>
          <w:sz w:val="24"/>
          <w:szCs w:val="24"/>
        </w:rPr>
        <w:t>performs</w:t>
      </w:r>
      <w:r w:rsidR="00E8192B">
        <w:rPr>
          <w:sz w:val="24"/>
          <w:szCs w:val="24"/>
        </w:rPr>
        <w:t xml:space="preserve"> is getting the </w:t>
      </w:r>
      <w:r w:rsidR="002B7C8D">
        <w:rPr>
          <w:sz w:val="24"/>
          <w:szCs w:val="24"/>
        </w:rPr>
        <w:t>Nasdaq 100 listing</w:t>
      </w:r>
      <w:r w:rsidR="00B147CF">
        <w:rPr>
          <w:sz w:val="24"/>
          <w:szCs w:val="24"/>
        </w:rPr>
        <w:t xml:space="preserve"> from slick charts</w:t>
      </w:r>
      <w:r w:rsidR="00724164">
        <w:rPr>
          <w:sz w:val="24"/>
          <w:szCs w:val="24"/>
        </w:rPr>
        <w:t xml:space="preserve">, using the </w:t>
      </w:r>
      <w:r w:rsidR="002548C7">
        <w:rPr>
          <w:sz w:val="24"/>
          <w:szCs w:val="24"/>
        </w:rPr>
        <w:t>information gathered to create company objects</w:t>
      </w:r>
      <w:r w:rsidR="00EC4AB2">
        <w:rPr>
          <w:sz w:val="24"/>
          <w:szCs w:val="24"/>
        </w:rPr>
        <w:t>, and persist those objects to the database with hibernate ORM.</w:t>
      </w:r>
      <w:r w:rsidR="00897520">
        <w:rPr>
          <w:sz w:val="24"/>
          <w:szCs w:val="24"/>
        </w:rPr>
        <w:t xml:space="preserve"> It then</w:t>
      </w:r>
      <w:r w:rsidR="00EE586E">
        <w:rPr>
          <w:sz w:val="24"/>
          <w:szCs w:val="24"/>
        </w:rPr>
        <w:t xml:space="preserve"> </w:t>
      </w:r>
      <w:r w:rsidR="002F4DE9">
        <w:rPr>
          <w:sz w:val="24"/>
          <w:szCs w:val="24"/>
        </w:rPr>
        <w:t xml:space="preserve">slots the name of the company and </w:t>
      </w:r>
      <w:r w:rsidR="00DD32F3">
        <w:rPr>
          <w:sz w:val="24"/>
          <w:szCs w:val="24"/>
        </w:rPr>
        <w:t>its</w:t>
      </w:r>
      <w:r w:rsidR="002F4DE9">
        <w:rPr>
          <w:sz w:val="24"/>
          <w:szCs w:val="24"/>
        </w:rPr>
        <w:t xml:space="preserve"> ticker symbol</w:t>
      </w:r>
      <w:r w:rsidR="00F42F6E">
        <w:rPr>
          <w:sz w:val="24"/>
          <w:szCs w:val="24"/>
        </w:rPr>
        <w:t xml:space="preserve"> into the </w:t>
      </w:r>
      <w:r w:rsidR="00C810E2">
        <w:rPr>
          <w:sz w:val="24"/>
          <w:szCs w:val="24"/>
        </w:rPr>
        <w:t>URL</w:t>
      </w:r>
      <w:r w:rsidR="004B2A40">
        <w:rPr>
          <w:sz w:val="24"/>
          <w:szCs w:val="24"/>
        </w:rPr>
        <w:t xml:space="preserve"> </w:t>
      </w:r>
      <w:r w:rsidR="00941298">
        <w:rPr>
          <w:sz w:val="24"/>
          <w:szCs w:val="24"/>
        </w:rPr>
        <w:t xml:space="preserve">of any sit that we </w:t>
      </w:r>
      <w:r w:rsidR="00011AFB">
        <w:rPr>
          <w:sz w:val="24"/>
          <w:szCs w:val="24"/>
        </w:rPr>
        <w:t>wish to scrape for sentiment data</w:t>
      </w:r>
      <w:r w:rsidR="008741DD">
        <w:rPr>
          <w:sz w:val="24"/>
          <w:szCs w:val="24"/>
        </w:rPr>
        <w:t>. Currently</w:t>
      </w:r>
      <w:r w:rsidR="00F53FFD">
        <w:rPr>
          <w:sz w:val="24"/>
          <w:szCs w:val="24"/>
        </w:rPr>
        <w:t xml:space="preserve"> the</w:t>
      </w:r>
      <w:r w:rsidR="00E03E2E">
        <w:rPr>
          <w:sz w:val="24"/>
          <w:szCs w:val="24"/>
        </w:rPr>
        <w:t xml:space="preserve"> site </w:t>
      </w:r>
      <w:r w:rsidR="00B963FD">
        <w:rPr>
          <w:sz w:val="24"/>
          <w:szCs w:val="24"/>
        </w:rPr>
        <w:t>being used for</w:t>
      </w:r>
      <w:r w:rsidR="00F8029F">
        <w:rPr>
          <w:sz w:val="24"/>
          <w:szCs w:val="24"/>
        </w:rPr>
        <w:t xml:space="preserve"> gathering</w:t>
      </w:r>
      <w:r w:rsidR="009338A0">
        <w:rPr>
          <w:sz w:val="24"/>
          <w:szCs w:val="24"/>
        </w:rPr>
        <w:t xml:space="preserve"> information from bussiness</w:t>
      </w:r>
      <w:r w:rsidR="008759B5">
        <w:rPr>
          <w:sz w:val="24"/>
          <w:szCs w:val="24"/>
        </w:rPr>
        <w:t xml:space="preserve">insider.com. </w:t>
      </w:r>
    </w:p>
    <w:p w14:paraId="3E21914C" w14:textId="72CC4313" w:rsidR="001A32A6" w:rsidRDefault="00317CE3" w:rsidP="003A7C6C">
      <w:pPr>
        <w:rPr>
          <w:sz w:val="24"/>
          <w:szCs w:val="24"/>
        </w:rPr>
      </w:pPr>
      <w:r>
        <w:rPr>
          <w:sz w:val="24"/>
          <w:szCs w:val="24"/>
        </w:rPr>
        <w:t xml:space="preserve">After trials with many </w:t>
      </w:r>
      <w:r w:rsidR="000B2FD5">
        <w:rPr>
          <w:sz w:val="24"/>
          <w:szCs w:val="24"/>
        </w:rPr>
        <w:t>different</w:t>
      </w:r>
      <w:r w:rsidR="00B7224B">
        <w:rPr>
          <w:sz w:val="24"/>
          <w:szCs w:val="24"/>
        </w:rPr>
        <w:t xml:space="preserve"> potential sites</w:t>
      </w:r>
      <w:r w:rsidR="000659B1">
        <w:rPr>
          <w:sz w:val="24"/>
          <w:szCs w:val="24"/>
        </w:rPr>
        <w:t>,</w:t>
      </w:r>
      <w:r w:rsidR="00846277">
        <w:rPr>
          <w:sz w:val="24"/>
          <w:szCs w:val="24"/>
        </w:rPr>
        <w:t xml:space="preserve"> such as;</w:t>
      </w:r>
      <w:r w:rsidR="000171A4">
        <w:rPr>
          <w:sz w:val="24"/>
          <w:szCs w:val="24"/>
        </w:rPr>
        <w:t xml:space="preserve"> </w:t>
      </w:r>
      <w:r w:rsidR="00846277">
        <w:rPr>
          <w:sz w:val="24"/>
          <w:szCs w:val="24"/>
        </w:rPr>
        <w:t xml:space="preserve">twitter, </w:t>
      </w:r>
      <w:r w:rsidR="000171A4">
        <w:rPr>
          <w:sz w:val="24"/>
          <w:szCs w:val="24"/>
        </w:rPr>
        <w:t>Forbes</w:t>
      </w:r>
      <w:r w:rsidR="00F37FCC">
        <w:rPr>
          <w:sz w:val="24"/>
          <w:szCs w:val="24"/>
        </w:rPr>
        <w:t>, and reddit.</w:t>
      </w:r>
      <w:r w:rsidR="000659B1">
        <w:rPr>
          <w:sz w:val="24"/>
          <w:szCs w:val="24"/>
        </w:rPr>
        <w:t xml:space="preserve"> business insider was chosen for </w:t>
      </w:r>
      <w:r w:rsidR="001C0DCB">
        <w:rPr>
          <w:sz w:val="24"/>
          <w:szCs w:val="24"/>
        </w:rPr>
        <w:t>a number of reasons.</w:t>
      </w:r>
      <w:r w:rsidR="00F37FCC">
        <w:rPr>
          <w:sz w:val="24"/>
          <w:szCs w:val="24"/>
        </w:rPr>
        <w:t xml:space="preserve"> Firstly, the site </w:t>
      </w:r>
      <w:r w:rsidR="00F92C3B">
        <w:rPr>
          <w:sz w:val="24"/>
          <w:szCs w:val="24"/>
        </w:rPr>
        <w:t xml:space="preserve">is very stable in </w:t>
      </w:r>
      <w:r w:rsidR="00C810E2">
        <w:rPr>
          <w:sz w:val="24"/>
          <w:szCs w:val="24"/>
        </w:rPr>
        <w:t>comparison</w:t>
      </w:r>
      <w:r w:rsidR="0039165B">
        <w:rPr>
          <w:sz w:val="24"/>
          <w:szCs w:val="24"/>
        </w:rPr>
        <w:t xml:space="preserve"> to sites such as twitter, which </w:t>
      </w:r>
      <w:r w:rsidR="00E73131">
        <w:rPr>
          <w:sz w:val="24"/>
          <w:szCs w:val="24"/>
        </w:rPr>
        <w:t>change their structure and function so often</w:t>
      </w:r>
      <w:r w:rsidR="00707EE2">
        <w:rPr>
          <w:sz w:val="24"/>
          <w:szCs w:val="24"/>
        </w:rPr>
        <w:t xml:space="preserve"> that </w:t>
      </w:r>
      <w:r w:rsidR="007F280E">
        <w:rPr>
          <w:sz w:val="24"/>
          <w:szCs w:val="24"/>
        </w:rPr>
        <w:t>the</w:t>
      </w:r>
      <w:r w:rsidR="00707EE2">
        <w:rPr>
          <w:sz w:val="24"/>
          <w:szCs w:val="24"/>
        </w:rPr>
        <w:t xml:space="preserve"> system would need bi-</w:t>
      </w:r>
      <w:r w:rsidR="00506CFF">
        <w:rPr>
          <w:sz w:val="24"/>
          <w:szCs w:val="24"/>
        </w:rPr>
        <w:t>weekly maintenance to keep functioning</w:t>
      </w:r>
      <w:r w:rsidR="00606A5A">
        <w:rPr>
          <w:sz w:val="24"/>
          <w:szCs w:val="24"/>
        </w:rPr>
        <w:t>.</w:t>
      </w:r>
      <w:r w:rsidR="00BE76C1">
        <w:rPr>
          <w:sz w:val="24"/>
          <w:szCs w:val="24"/>
        </w:rPr>
        <w:t xml:space="preserve"> I learned this the hard way</w:t>
      </w:r>
      <w:r w:rsidR="00372659">
        <w:rPr>
          <w:sz w:val="24"/>
          <w:szCs w:val="24"/>
        </w:rPr>
        <w:t xml:space="preserve"> in the </w:t>
      </w:r>
      <w:r w:rsidR="00831695">
        <w:rPr>
          <w:sz w:val="24"/>
          <w:szCs w:val="24"/>
        </w:rPr>
        <w:t xml:space="preserve">early days of the project, when a previously functioning section of the systems ceased to </w:t>
      </w:r>
      <w:r w:rsidR="00DD7397">
        <w:rPr>
          <w:sz w:val="24"/>
          <w:szCs w:val="24"/>
        </w:rPr>
        <w:t>function</w:t>
      </w:r>
      <w:r w:rsidR="00F01A40">
        <w:rPr>
          <w:sz w:val="24"/>
          <w:szCs w:val="24"/>
        </w:rPr>
        <w:t xml:space="preserve"> after twitter got an update.</w:t>
      </w:r>
    </w:p>
    <w:p w14:paraId="213611C3" w14:textId="730AE77C" w:rsidR="001C5527" w:rsidRDefault="001C5527" w:rsidP="003A7C6C">
      <w:pPr>
        <w:rPr>
          <w:sz w:val="24"/>
          <w:szCs w:val="24"/>
        </w:rPr>
      </w:pPr>
      <w:r>
        <w:rPr>
          <w:sz w:val="24"/>
          <w:szCs w:val="24"/>
        </w:rPr>
        <w:t>Secondly</w:t>
      </w:r>
      <w:r w:rsidR="006856EF">
        <w:rPr>
          <w:sz w:val="24"/>
          <w:szCs w:val="24"/>
        </w:rPr>
        <w:t>, th</w:t>
      </w:r>
      <w:r w:rsidR="000C400F">
        <w:rPr>
          <w:sz w:val="24"/>
          <w:szCs w:val="24"/>
        </w:rPr>
        <w:t>e language</w:t>
      </w:r>
      <w:r w:rsidR="00F660C7">
        <w:rPr>
          <w:sz w:val="24"/>
          <w:szCs w:val="24"/>
        </w:rPr>
        <w:t xml:space="preserve"> on the site </w:t>
      </w:r>
      <w:r w:rsidR="005438A4">
        <w:rPr>
          <w:sz w:val="24"/>
          <w:szCs w:val="24"/>
        </w:rPr>
        <w:t xml:space="preserve">is plainly written and informative, rather </w:t>
      </w:r>
      <w:r w:rsidR="00E14B2C">
        <w:rPr>
          <w:sz w:val="24"/>
          <w:szCs w:val="24"/>
        </w:rPr>
        <w:t>than the more esoteric stylings</w:t>
      </w:r>
      <w:r w:rsidR="0003468C">
        <w:rPr>
          <w:sz w:val="24"/>
          <w:szCs w:val="24"/>
        </w:rPr>
        <w:t xml:space="preserve"> of </w:t>
      </w:r>
      <w:r w:rsidR="00770E23">
        <w:rPr>
          <w:sz w:val="24"/>
          <w:szCs w:val="24"/>
        </w:rPr>
        <w:t>other</w:t>
      </w:r>
      <w:r w:rsidR="0003468C">
        <w:rPr>
          <w:sz w:val="24"/>
          <w:szCs w:val="24"/>
        </w:rPr>
        <w:t xml:space="preserve"> sites</w:t>
      </w:r>
      <w:r w:rsidR="00F27597">
        <w:rPr>
          <w:sz w:val="24"/>
          <w:szCs w:val="24"/>
        </w:rPr>
        <w:t>, which the Stanford NLP</w:t>
      </w:r>
      <w:r w:rsidR="00AB3E99">
        <w:rPr>
          <w:sz w:val="24"/>
          <w:szCs w:val="24"/>
        </w:rPr>
        <w:t xml:space="preserve"> seems to find more conjunctive </w:t>
      </w:r>
      <w:r w:rsidR="00770E23">
        <w:rPr>
          <w:sz w:val="24"/>
          <w:szCs w:val="24"/>
        </w:rPr>
        <w:t>towards</w:t>
      </w:r>
      <w:r w:rsidR="00E301AC">
        <w:rPr>
          <w:sz w:val="24"/>
          <w:szCs w:val="24"/>
        </w:rPr>
        <w:t xml:space="preserve"> generating accurate readings of sentiment</w:t>
      </w:r>
      <w:r w:rsidR="00D95FDD">
        <w:rPr>
          <w:sz w:val="24"/>
          <w:szCs w:val="24"/>
        </w:rPr>
        <w:t xml:space="preserve"> from the site.</w:t>
      </w:r>
      <w:r w:rsidR="00E43EE1">
        <w:rPr>
          <w:sz w:val="24"/>
          <w:szCs w:val="24"/>
        </w:rPr>
        <w:t xml:space="preserve"> </w:t>
      </w:r>
      <w:r w:rsidR="0067426E">
        <w:rPr>
          <w:sz w:val="24"/>
          <w:szCs w:val="24"/>
        </w:rPr>
        <w:t>Thirdly, the site has a simple layout</w:t>
      </w:r>
      <w:r w:rsidR="00AB6E43">
        <w:rPr>
          <w:sz w:val="24"/>
          <w:szCs w:val="24"/>
        </w:rPr>
        <w:t xml:space="preserve"> that is more co-operative</w:t>
      </w:r>
      <w:r w:rsidR="003E7A78">
        <w:rPr>
          <w:sz w:val="24"/>
          <w:szCs w:val="24"/>
        </w:rPr>
        <w:t xml:space="preserve"> when </w:t>
      </w:r>
      <w:r w:rsidR="00DB7FE3">
        <w:rPr>
          <w:sz w:val="24"/>
          <w:szCs w:val="24"/>
        </w:rPr>
        <w:t xml:space="preserve">specifying what data is to be </w:t>
      </w:r>
      <w:r w:rsidR="00B40B75">
        <w:rPr>
          <w:sz w:val="24"/>
          <w:szCs w:val="24"/>
        </w:rPr>
        <w:t>scraped</w:t>
      </w:r>
      <w:r w:rsidR="00F40524">
        <w:rPr>
          <w:sz w:val="24"/>
          <w:szCs w:val="24"/>
        </w:rPr>
        <w:t xml:space="preserve">, in </w:t>
      </w:r>
      <w:r w:rsidR="008A1641">
        <w:rPr>
          <w:sz w:val="24"/>
          <w:szCs w:val="24"/>
        </w:rPr>
        <w:t>comparison</w:t>
      </w:r>
      <w:r w:rsidR="00355E60">
        <w:rPr>
          <w:sz w:val="24"/>
          <w:szCs w:val="24"/>
        </w:rPr>
        <w:t xml:space="preserve"> to more complicated websites </w:t>
      </w:r>
      <w:r w:rsidR="008A1641">
        <w:rPr>
          <w:sz w:val="24"/>
          <w:szCs w:val="24"/>
        </w:rPr>
        <w:t>such as Forbes.</w:t>
      </w:r>
      <w:r w:rsidR="0067426E">
        <w:rPr>
          <w:sz w:val="24"/>
          <w:szCs w:val="24"/>
        </w:rPr>
        <w:t xml:space="preserve"> </w:t>
      </w:r>
      <w:r w:rsidR="00F10690">
        <w:rPr>
          <w:sz w:val="24"/>
          <w:szCs w:val="24"/>
        </w:rPr>
        <w:t>Fourthly, when</w:t>
      </w:r>
      <w:r w:rsidR="006C789D">
        <w:rPr>
          <w:sz w:val="24"/>
          <w:szCs w:val="24"/>
        </w:rPr>
        <w:t xml:space="preserve"> the data is passed to the </w:t>
      </w:r>
      <w:r w:rsidR="00FC48DC">
        <w:rPr>
          <w:sz w:val="24"/>
          <w:szCs w:val="24"/>
        </w:rPr>
        <w:t>neural network</w:t>
      </w:r>
      <w:r w:rsidR="00680590">
        <w:rPr>
          <w:sz w:val="24"/>
          <w:szCs w:val="24"/>
        </w:rPr>
        <w:t xml:space="preserve"> it appears to</w:t>
      </w:r>
      <w:r w:rsidR="00F8796A">
        <w:rPr>
          <w:sz w:val="24"/>
          <w:szCs w:val="24"/>
        </w:rPr>
        <w:t xml:space="preserve"> generate much more accurate predictions tha</w:t>
      </w:r>
      <w:r w:rsidR="00E866D1">
        <w:rPr>
          <w:sz w:val="24"/>
          <w:szCs w:val="24"/>
        </w:rPr>
        <w:t>n data pulled from investment</w:t>
      </w:r>
      <w:r w:rsidR="00F739F1">
        <w:rPr>
          <w:sz w:val="24"/>
          <w:szCs w:val="24"/>
        </w:rPr>
        <w:t xml:space="preserve"> concerned sections of reddit. Business Insider can be searched much more accurately, with more recent results than reddit.</w:t>
      </w:r>
    </w:p>
    <w:p w14:paraId="045F7F47" w14:textId="5EA28AC0" w:rsidR="00325C5A" w:rsidRDefault="00325C5A" w:rsidP="003A7C6C">
      <w:pPr>
        <w:rPr>
          <w:sz w:val="24"/>
          <w:szCs w:val="24"/>
        </w:rPr>
      </w:pPr>
    </w:p>
    <w:p w14:paraId="1CB1DE4A" w14:textId="77777777" w:rsidR="00325C5A" w:rsidRDefault="00325C5A" w:rsidP="003A7C6C">
      <w:pPr>
        <w:rPr>
          <w:sz w:val="24"/>
          <w:szCs w:val="24"/>
        </w:rPr>
      </w:pPr>
    </w:p>
    <w:p w14:paraId="448044F5" w14:textId="2E351E7B" w:rsidR="00886F54" w:rsidRPr="001A32A6" w:rsidRDefault="00886F54" w:rsidP="003A7C6C">
      <w:pPr>
        <w:rPr>
          <w:sz w:val="24"/>
          <w:szCs w:val="24"/>
        </w:rPr>
      </w:pPr>
      <w:r>
        <w:rPr>
          <w:sz w:val="24"/>
          <w:szCs w:val="24"/>
        </w:rPr>
        <w:lastRenderedPageBreak/>
        <w:t>A final note to make</w:t>
      </w:r>
      <w:r w:rsidR="00622A79">
        <w:rPr>
          <w:sz w:val="24"/>
          <w:szCs w:val="24"/>
        </w:rPr>
        <w:t xml:space="preserve"> about the current functionality</w:t>
      </w:r>
      <w:r w:rsidR="002C2123">
        <w:rPr>
          <w:sz w:val="24"/>
          <w:szCs w:val="24"/>
        </w:rPr>
        <w:t xml:space="preserve"> of the system, is the cur</w:t>
      </w:r>
      <w:r w:rsidR="00BC5096">
        <w:rPr>
          <w:sz w:val="24"/>
          <w:szCs w:val="24"/>
        </w:rPr>
        <w:t>rent</w:t>
      </w:r>
      <w:r w:rsidR="00763797">
        <w:rPr>
          <w:sz w:val="24"/>
          <w:szCs w:val="24"/>
        </w:rPr>
        <w:t xml:space="preserve"> use </w:t>
      </w:r>
      <w:r w:rsidR="00C76199">
        <w:rPr>
          <w:sz w:val="24"/>
          <w:szCs w:val="24"/>
        </w:rPr>
        <w:t xml:space="preserve">of </w:t>
      </w:r>
      <w:r w:rsidR="00A50860">
        <w:rPr>
          <w:sz w:val="24"/>
          <w:szCs w:val="24"/>
        </w:rPr>
        <w:t>Business</w:t>
      </w:r>
      <w:r w:rsidR="00E92FF2">
        <w:rPr>
          <w:sz w:val="24"/>
          <w:szCs w:val="24"/>
        </w:rPr>
        <w:t xml:space="preserve"> Insider</w:t>
      </w:r>
      <w:r w:rsidR="00AD3F94">
        <w:rPr>
          <w:sz w:val="24"/>
          <w:szCs w:val="24"/>
        </w:rPr>
        <w:t xml:space="preserve"> as the single </w:t>
      </w:r>
      <w:r w:rsidR="00237579">
        <w:rPr>
          <w:sz w:val="24"/>
          <w:szCs w:val="24"/>
        </w:rPr>
        <w:t>source of data</w:t>
      </w:r>
      <w:r w:rsidR="00467167">
        <w:rPr>
          <w:sz w:val="24"/>
          <w:szCs w:val="24"/>
        </w:rPr>
        <w:t xml:space="preserve"> for the current version of the project</w:t>
      </w:r>
      <w:r w:rsidR="002B0677">
        <w:rPr>
          <w:sz w:val="24"/>
          <w:szCs w:val="24"/>
        </w:rPr>
        <w:t xml:space="preserve">. </w:t>
      </w:r>
      <w:r w:rsidR="00601786">
        <w:rPr>
          <w:sz w:val="24"/>
          <w:szCs w:val="24"/>
        </w:rPr>
        <w:t xml:space="preserve">Having a single source for data </w:t>
      </w:r>
      <w:r w:rsidR="000079E8">
        <w:rPr>
          <w:sz w:val="24"/>
          <w:szCs w:val="24"/>
        </w:rPr>
        <w:t xml:space="preserve">makes the system more </w:t>
      </w:r>
      <w:r w:rsidR="0006502E">
        <w:rPr>
          <w:sz w:val="24"/>
          <w:szCs w:val="24"/>
        </w:rPr>
        <w:t xml:space="preserve">stable and maintainable </w:t>
      </w:r>
      <w:r w:rsidR="00325C5A">
        <w:rPr>
          <w:sz w:val="24"/>
          <w:szCs w:val="24"/>
        </w:rPr>
        <w:t>for testing purposes. While</w:t>
      </w:r>
      <w:r w:rsidR="00842359">
        <w:rPr>
          <w:sz w:val="24"/>
          <w:szCs w:val="24"/>
        </w:rPr>
        <w:t xml:space="preserve"> the project is in it’s early proof-of-concept</w:t>
      </w:r>
      <w:r w:rsidR="00581071">
        <w:rPr>
          <w:sz w:val="24"/>
          <w:szCs w:val="24"/>
        </w:rPr>
        <w:t xml:space="preserve"> </w:t>
      </w:r>
      <w:r w:rsidR="00D34195">
        <w:rPr>
          <w:sz w:val="24"/>
          <w:szCs w:val="24"/>
        </w:rPr>
        <w:t>stages</w:t>
      </w:r>
      <w:r w:rsidR="005A6DAA">
        <w:rPr>
          <w:sz w:val="24"/>
          <w:szCs w:val="24"/>
        </w:rPr>
        <w:t xml:space="preserve">, </w:t>
      </w:r>
      <w:r w:rsidR="00201DFC">
        <w:rPr>
          <w:sz w:val="24"/>
          <w:szCs w:val="24"/>
        </w:rPr>
        <w:t xml:space="preserve">it’s best to have a stable source of test data </w:t>
      </w:r>
      <w:r w:rsidR="001615A1">
        <w:rPr>
          <w:sz w:val="24"/>
          <w:szCs w:val="24"/>
        </w:rPr>
        <w:t xml:space="preserve">to </w:t>
      </w:r>
      <w:r w:rsidR="003C13B8">
        <w:rPr>
          <w:sz w:val="24"/>
          <w:szCs w:val="24"/>
        </w:rPr>
        <w:t>run through the system and demonstrate its capabilities</w:t>
      </w:r>
      <w:r w:rsidR="002C6F69">
        <w:rPr>
          <w:sz w:val="24"/>
          <w:szCs w:val="24"/>
        </w:rPr>
        <w:t>, particularly</w:t>
      </w:r>
      <w:r w:rsidR="005C6AF1">
        <w:rPr>
          <w:sz w:val="24"/>
          <w:szCs w:val="24"/>
        </w:rPr>
        <w:t xml:space="preserve"> considering that </w:t>
      </w:r>
      <w:r w:rsidR="00F85B2F">
        <w:rPr>
          <w:sz w:val="24"/>
          <w:szCs w:val="24"/>
        </w:rPr>
        <w:t xml:space="preserve">certain </w:t>
      </w:r>
      <w:r w:rsidR="004B33A7">
        <w:rPr>
          <w:sz w:val="24"/>
          <w:szCs w:val="24"/>
        </w:rPr>
        <w:t>JSOUP</w:t>
      </w:r>
      <w:r w:rsidR="00F85B2F">
        <w:rPr>
          <w:sz w:val="24"/>
          <w:szCs w:val="24"/>
        </w:rPr>
        <w:t xml:space="preserve"> and Hibernate functionality</w:t>
      </w:r>
      <w:r w:rsidR="004778D1">
        <w:rPr>
          <w:sz w:val="24"/>
          <w:szCs w:val="24"/>
        </w:rPr>
        <w:t xml:space="preserve"> are not thread-safe, making a system that draws from multiple sources unstable and </w:t>
      </w:r>
      <w:r w:rsidR="00986A1C">
        <w:rPr>
          <w:sz w:val="24"/>
          <w:szCs w:val="24"/>
        </w:rPr>
        <w:t>needing much more</w:t>
      </w:r>
      <w:r w:rsidR="004B33A7">
        <w:rPr>
          <w:sz w:val="24"/>
          <w:szCs w:val="24"/>
        </w:rPr>
        <w:t xml:space="preserve"> upkeep</w:t>
      </w:r>
      <w:r w:rsidR="003C13B8">
        <w:rPr>
          <w:sz w:val="24"/>
          <w:szCs w:val="24"/>
        </w:rPr>
        <w:t>.</w:t>
      </w:r>
      <w:r w:rsidR="00865AAD">
        <w:rPr>
          <w:sz w:val="24"/>
          <w:szCs w:val="24"/>
        </w:rPr>
        <w:t xml:space="preserve"> When the project </w:t>
      </w:r>
      <w:r w:rsidR="0039779C">
        <w:rPr>
          <w:sz w:val="24"/>
          <w:szCs w:val="24"/>
        </w:rPr>
        <w:t>goes into full time production, other sources of data can be reintroduced</w:t>
      </w:r>
      <w:r w:rsidR="002C6F69">
        <w:rPr>
          <w:sz w:val="24"/>
          <w:szCs w:val="24"/>
        </w:rPr>
        <w:t>.</w:t>
      </w:r>
    </w:p>
    <w:p w14:paraId="25F6C82D" w14:textId="47AD2EE3" w:rsidR="005728BA" w:rsidRDefault="005728BA" w:rsidP="005728BA"/>
    <w:p w14:paraId="59ECA815" w14:textId="66F923DD" w:rsidR="00F52E92" w:rsidRDefault="00F52E92" w:rsidP="005728BA"/>
    <w:p w14:paraId="7EE1C73F" w14:textId="36A5C6A8" w:rsidR="00F52E92" w:rsidRDefault="00F52E92" w:rsidP="005728BA"/>
    <w:p w14:paraId="10C2DDCC" w14:textId="1EC38885" w:rsidR="00F52E92" w:rsidRDefault="00F52E92" w:rsidP="005728BA"/>
    <w:p w14:paraId="4E590CA4" w14:textId="4946BD81" w:rsidR="00F52E92" w:rsidRDefault="00F52E92" w:rsidP="005728BA"/>
    <w:p w14:paraId="39E0D41B" w14:textId="0135EC46" w:rsidR="00F52E92" w:rsidRDefault="00F52E92" w:rsidP="005728BA"/>
    <w:p w14:paraId="0CB5F274" w14:textId="3B230863" w:rsidR="00F52E92" w:rsidRDefault="00F52E92" w:rsidP="005728BA"/>
    <w:p w14:paraId="4A057E71" w14:textId="4FD08752" w:rsidR="00F52E92" w:rsidRDefault="00F52E92" w:rsidP="005728BA"/>
    <w:p w14:paraId="0DE43F91" w14:textId="08674AF0" w:rsidR="00F52E92" w:rsidRDefault="00F52E92" w:rsidP="005728BA"/>
    <w:p w14:paraId="7DB28192" w14:textId="77777777" w:rsidR="00F52E92" w:rsidRDefault="00F52E92" w:rsidP="005728BA"/>
    <w:p w14:paraId="1B46CE19" w14:textId="01FAF2D1" w:rsidR="00A20D76" w:rsidRDefault="000C5448" w:rsidP="00A20D76">
      <w:pPr>
        <w:pStyle w:val="Heading2"/>
      </w:pPr>
      <w:r>
        <w:lastRenderedPageBreak/>
        <w:t>Machine Learning</w:t>
      </w:r>
    </w:p>
    <w:p w14:paraId="1341F686" w14:textId="00517E9B" w:rsidR="00B640B1" w:rsidRPr="00B640B1" w:rsidRDefault="003D50C7" w:rsidP="00B640B1">
      <w:pPr>
        <w:rPr>
          <w:sz w:val="24"/>
          <w:szCs w:val="24"/>
        </w:rPr>
      </w:pPr>
      <w:r>
        <w:rPr>
          <w:noProof/>
          <w:sz w:val="24"/>
          <w:szCs w:val="24"/>
        </w:rPr>
        <w:drawing>
          <wp:inline distT="0" distB="0" distL="0" distR="0" wp14:anchorId="25D0FD2C" wp14:editId="2F9EF609">
            <wp:extent cx="5730240" cy="4343400"/>
            <wp:effectExtent l="0" t="0" r="381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6"/>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730240" cy="4343400"/>
                    </a:xfrm>
                    <a:prstGeom prst="rect">
                      <a:avLst/>
                    </a:prstGeom>
                    <a:noFill/>
                    <a:ln>
                      <a:noFill/>
                    </a:ln>
                  </pic:spPr>
                </pic:pic>
              </a:graphicData>
            </a:graphic>
          </wp:inline>
        </w:drawing>
      </w:r>
    </w:p>
    <w:p w14:paraId="4552F9D2" w14:textId="77777777" w:rsidR="00A20D76" w:rsidRPr="005728BA" w:rsidRDefault="00A20D76" w:rsidP="005728BA"/>
    <w:p w14:paraId="425D765E" w14:textId="77777777" w:rsidR="00470FF9" w:rsidRDefault="002B0C6D" w:rsidP="00D34A48">
      <w:pPr>
        <w:rPr>
          <w:sz w:val="24"/>
          <w:szCs w:val="24"/>
        </w:rPr>
      </w:pPr>
      <w:r>
        <w:rPr>
          <w:sz w:val="24"/>
          <w:szCs w:val="24"/>
        </w:rPr>
        <w:t xml:space="preserve">The </w:t>
      </w:r>
      <w:r w:rsidR="0024692F">
        <w:rPr>
          <w:sz w:val="24"/>
          <w:szCs w:val="24"/>
        </w:rPr>
        <w:t>intermediate layer</w:t>
      </w:r>
      <w:r w:rsidR="00255BF8">
        <w:rPr>
          <w:sz w:val="24"/>
          <w:szCs w:val="24"/>
        </w:rPr>
        <w:t xml:space="preserve"> </w:t>
      </w:r>
      <w:r w:rsidR="00147DE6">
        <w:rPr>
          <w:sz w:val="24"/>
          <w:szCs w:val="24"/>
        </w:rPr>
        <w:t>of Plutocrat</w:t>
      </w:r>
      <w:r w:rsidR="001A15CE">
        <w:rPr>
          <w:sz w:val="24"/>
          <w:szCs w:val="24"/>
        </w:rPr>
        <w:t xml:space="preserve"> </w:t>
      </w:r>
      <w:r w:rsidR="004858B4">
        <w:rPr>
          <w:sz w:val="24"/>
          <w:szCs w:val="24"/>
        </w:rPr>
        <w:t>is a Python program</w:t>
      </w:r>
      <w:r w:rsidR="00F27EEA">
        <w:rPr>
          <w:sz w:val="24"/>
          <w:szCs w:val="24"/>
        </w:rPr>
        <w:t xml:space="preserve"> concerned with the machine learning aspect of the project. </w:t>
      </w:r>
      <w:r w:rsidR="009423E6">
        <w:rPr>
          <w:sz w:val="24"/>
          <w:szCs w:val="24"/>
        </w:rPr>
        <w:t>It was implemented by pulling data from the underlaying MySQL database</w:t>
      </w:r>
      <w:r w:rsidR="00295D85">
        <w:rPr>
          <w:sz w:val="24"/>
          <w:szCs w:val="24"/>
        </w:rPr>
        <w:t>. Each piece of sentiment data was retrieved, along with</w:t>
      </w:r>
      <w:r w:rsidR="00FA1F6C">
        <w:rPr>
          <w:sz w:val="24"/>
          <w:szCs w:val="24"/>
        </w:rPr>
        <w:t xml:space="preserve"> the date that it was generated, and the ticker symbol of the relevan</w:t>
      </w:r>
      <w:r w:rsidR="000A259B">
        <w:rPr>
          <w:sz w:val="24"/>
          <w:szCs w:val="24"/>
        </w:rPr>
        <w:t>t</w:t>
      </w:r>
      <w:r w:rsidR="00FA1F6C">
        <w:rPr>
          <w:sz w:val="24"/>
          <w:szCs w:val="24"/>
        </w:rPr>
        <w:t xml:space="preserve"> company</w:t>
      </w:r>
      <w:r w:rsidR="000A259B">
        <w:rPr>
          <w:sz w:val="24"/>
          <w:szCs w:val="24"/>
        </w:rPr>
        <w:t xml:space="preserve">. The date and the ticker symbol </w:t>
      </w:r>
      <w:r w:rsidR="00AB7237">
        <w:rPr>
          <w:sz w:val="24"/>
          <w:szCs w:val="24"/>
        </w:rPr>
        <w:t>are</w:t>
      </w:r>
      <w:r w:rsidR="000A259B">
        <w:rPr>
          <w:sz w:val="24"/>
          <w:szCs w:val="24"/>
        </w:rPr>
        <w:t xml:space="preserve"> then passed</w:t>
      </w:r>
      <w:r w:rsidR="00356F0D">
        <w:rPr>
          <w:sz w:val="24"/>
          <w:szCs w:val="24"/>
        </w:rPr>
        <w:t xml:space="preserve"> into the Yahoo Finance API</w:t>
      </w:r>
      <w:r w:rsidR="00B91305">
        <w:rPr>
          <w:sz w:val="24"/>
          <w:szCs w:val="24"/>
        </w:rPr>
        <w:t xml:space="preserve"> to find what the companies adjusted close price was the day that this piece of sentiment was created. </w:t>
      </w:r>
      <w:r w:rsidR="00260F4D">
        <w:rPr>
          <w:sz w:val="24"/>
          <w:szCs w:val="24"/>
        </w:rPr>
        <w:t>The date is then</w:t>
      </w:r>
      <w:r w:rsidR="00C46A08">
        <w:rPr>
          <w:sz w:val="24"/>
          <w:szCs w:val="24"/>
        </w:rPr>
        <w:t xml:space="preserve"> incremented, so that the </w:t>
      </w:r>
      <w:r w:rsidR="003819A4">
        <w:rPr>
          <w:sz w:val="24"/>
          <w:szCs w:val="24"/>
        </w:rPr>
        <w:t>adjusted closing price for the companies next day can be found. One is retracted from the other to find the value that the compan</w:t>
      </w:r>
      <w:r w:rsidR="009C20DE">
        <w:rPr>
          <w:sz w:val="24"/>
          <w:szCs w:val="24"/>
        </w:rPr>
        <w:t xml:space="preserve">ies stock changed by in </w:t>
      </w:r>
      <w:r w:rsidR="00E34B1F">
        <w:rPr>
          <w:sz w:val="24"/>
          <w:szCs w:val="24"/>
        </w:rPr>
        <w:t>the 24</w:t>
      </w:r>
      <w:r w:rsidR="006A0115">
        <w:rPr>
          <w:sz w:val="24"/>
          <w:szCs w:val="24"/>
        </w:rPr>
        <w:t xml:space="preserve"> hours</w:t>
      </w:r>
      <w:r w:rsidR="00E34B1F">
        <w:rPr>
          <w:sz w:val="24"/>
          <w:szCs w:val="24"/>
        </w:rPr>
        <w:t xml:space="preserve"> subsequent</w:t>
      </w:r>
      <w:r w:rsidR="00AB7237">
        <w:rPr>
          <w:sz w:val="24"/>
          <w:szCs w:val="24"/>
        </w:rPr>
        <w:t xml:space="preserve"> to the creation of the piece of sentiment</w:t>
      </w:r>
      <w:r w:rsidR="00CA05E9">
        <w:rPr>
          <w:sz w:val="24"/>
          <w:szCs w:val="24"/>
        </w:rPr>
        <w:t xml:space="preserve">. </w:t>
      </w:r>
    </w:p>
    <w:p w14:paraId="2075BDFD" w14:textId="4421BA92" w:rsidR="007D16B7" w:rsidRDefault="00CA05E9" w:rsidP="00D34A48">
      <w:pPr>
        <w:rPr>
          <w:sz w:val="24"/>
          <w:szCs w:val="24"/>
        </w:rPr>
      </w:pPr>
      <w:r>
        <w:rPr>
          <w:sz w:val="24"/>
          <w:szCs w:val="24"/>
        </w:rPr>
        <w:t>When this is complete, what we are</w:t>
      </w:r>
      <w:r w:rsidR="00470FF9">
        <w:rPr>
          <w:sz w:val="24"/>
          <w:szCs w:val="24"/>
        </w:rPr>
        <w:t xml:space="preserve"> left with is one list containing all of the sentiment data </w:t>
      </w:r>
      <w:r w:rsidR="00542FC5">
        <w:rPr>
          <w:sz w:val="24"/>
          <w:szCs w:val="24"/>
        </w:rPr>
        <w:t xml:space="preserve">generated by the bottom java layer of the project, utilising JSOUP and </w:t>
      </w:r>
      <w:r w:rsidR="0017664C">
        <w:rPr>
          <w:sz w:val="24"/>
          <w:szCs w:val="24"/>
        </w:rPr>
        <w:t>Stanford NLP</w:t>
      </w:r>
      <w:r w:rsidR="006F0040">
        <w:rPr>
          <w:sz w:val="24"/>
          <w:szCs w:val="24"/>
        </w:rPr>
        <w:t xml:space="preserve">, and another list containing the amount that the value of the companies </w:t>
      </w:r>
      <w:r w:rsidR="007262FA">
        <w:rPr>
          <w:sz w:val="24"/>
          <w:szCs w:val="24"/>
        </w:rPr>
        <w:t>with which</w:t>
      </w:r>
      <w:r w:rsidR="006F0040">
        <w:rPr>
          <w:sz w:val="24"/>
          <w:szCs w:val="24"/>
        </w:rPr>
        <w:t xml:space="preserve"> this sentiment data is concerned</w:t>
      </w:r>
      <w:r w:rsidR="007262FA">
        <w:rPr>
          <w:sz w:val="24"/>
          <w:szCs w:val="24"/>
        </w:rPr>
        <w:t xml:space="preserve"> changes by in the 24 hours </w:t>
      </w:r>
      <w:r w:rsidR="00725FE7">
        <w:rPr>
          <w:sz w:val="24"/>
          <w:szCs w:val="24"/>
        </w:rPr>
        <w:t>succeeding</w:t>
      </w:r>
      <w:r w:rsidR="007262FA">
        <w:rPr>
          <w:sz w:val="24"/>
          <w:szCs w:val="24"/>
        </w:rPr>
        <w:t xml:space="preserve"> the publishing of this data.</w:t>
      </w:r>
      <w:r w:rsidR="00E95146">
        <w:rPr>
          <w:sz w:val="24"/>
          <w:szCs w:val="24"/>
        </w:rPr>
        <w:t xml:space="preserve"> </w:t>
      </w:r>
      <w:r w:rsidR="008E1892">
        <w:rPr>
          <w:sz w:val="24"/>
          <w:szCs w:val="24"/>
        </w:rPr>
        <w:t>The above snippet of code illustrates how these</w:t>
      </w:r>
      <w:r w:rsidR="006A0A3F">
        <w:rPr>
          <w:sz w:val="24"/>
          <w:szCs w:val="24"/>
        </w:rPr>
        <w:t xml:space="preserve"> lists are split into training data and testing data</w:t>
      </w:r>
      <w:r w:rsidR="003D7F57">
        <w:rPr>
          <w:sz w:val="24"/>
          <w:szCs w:val="24"/>
        </w:rPr>
        <w:t xml:space="preserve">, and converted into </w:t>
      </w:r>
      <w:r w:rsidR="009E7DCD">
        <w:rPr>
          <w:sz w:val="24"/>
          <w:szCs w:val="24"/>
        </w:rPr>
        <w:t>NumPy</w:t>
      </w:r>
      <w:r w:rsidR="003D7F57">
        <w:rPr>
          <w:sz w:val="24"/>
          <w:szCs w:val="24"/>
        </w:rPr>
        <w:t xml:space="preserve"> arrays</w:t>
      </w:r>
      <w:r w:rsidR="00921B1C">
        <w:rPr>
          <w:sz w:val="24"/>
          <w:szCs w:val="24"/>
        </w:rPr>
        <w:t xml:space="preserve">, which are the only types of arrays that can be converted into </w:t>
      </w:r>
      <w:r w:rsidR="00EC5FCD">
        <w:rPr>
          <w:sz w:val="24"/>
          <w:szCs w:val="24"/>
        </w:rPr>
        <w:t>tensors inside of a neural networ</w:t>
      </w:r>
      <w:r w:rsidR="008B20F5">
        <w:rPr>
          <w:sz w:val="24"/>
          <w:szCs w:val="24"/>
        </w:rPr>
        <w:t>k</w:t>
      </w:r>
      <w:r w:rsidR="00EC1006">
        <w:rPr>
          <w:sz w:val="24"/>
          <w:szCs w:val="24"/>
        </w:rPr>
        <w:t>.</w:t>
      </w:r>
    </w:p>
    <w:p w14:paraId="5CFF48AE" w14:textId="77777777" w:rsidR="00F52E92" w:rsidRDefault="00F52E92" w:rsidP="00D34A48">
      <w:pPr>
        <w:rPr>
          <w:sz w:val="24"/>
          <w:szCs w:val="24"/>
        </w:rPr>
      </w:pPr>
    </w:p>
    <w:p w14:paraId="1361346C" w14:textId="77777777" w:rsidR="001D6D1B" w:rsidRDefault="007C3044" w:rsidP="00D34A48">
      <w:pPr>
        <w:rPr>
          <w:sz w:val="24"/>
          <w:szCs w:val="24"/>
        </w:rPr>
      </w:pPr>
      <w:r>
        <w:rPr>
          <w:sz w:val="24"/>
          <w:szCs w:val="24"/>
        </w:rPr>
        <w:lastRenderedPageBreak/>
        <w:t xml:space="preserve">The sections of code that </w:t>
      </w:r>
      <w:r w:rsidR="00BD0365">
        <w:rPr>
          <w:sz w:val="24"/>
          <w:szCs w:val="24"/>
        </w:rPr>
        <w:t>actually</w:t>
      </w:r>
      <w:r>
        <w:rPr>
          <w:sz w:val="24"/>
          <w:szCs w:val="24"/>
        </w:rPr>
        <w:t xml:space="preserve"> construct and train the n</w:t>
      </w:r>
      <w:r w:rsidR="008A2B79">
        <w:rPr>
          <w:sz w:val="24"/>
          <w:szCs w:val="24"/>
        </w:rPr>
        <w:t>eural network are commented out in the</w:t>
      </w:r>
      <w:r w:rsidR="00874F55">
        <w:rPr>
          <w:sz w:val="24"/>
          <w:szCs w:val="24"/>
        </w:rPr>
        <w:t xml:space="preserve"> </w:t>
      </w:r>
      <w:r w:rsidR="005919A0">
        <w:rPr>
          <w:sz w:val="24"/>
          <w:szCs w:val="24"/>
        </w:rPr>
        <w:t xml:space="preserve">screen </w:t>
      </w:r>
      <w:r w:rsidR="00BD0365">
        <w:rPr>
          <w:sz w:val="24"/>
          <w:szCs w:val="24"/>
        </w:rPr>
        <w:t>capture</w:t>
      </w:r>
      <w:r w:rsidR="005919A0">
        <w:rPr>
          <w:sz w:val="24"/>
          <w:szCs w:val="24"/>
        </w:rPr>
        <w:t xml:space="preserve"> above, the reason for this is that the model only needs to be built and trained once, it can then be</w:t>
      </w:r>
      <w:r w:rsidR="00BD0365">
        <w:rPr>
          <w:sz w:val="24"/>
          <w:szCs w:val="24"/>
        </w:rPr>
        <w:t xml:space="preserve"> saved, where it can be loaded to save time in the future.</w:t>
      </w:r>
      <w:r w:rsidR="00F32E6A">
        <w:rPr>
          <w:sz w:val="24"/>
          <w:szCs w:val="24"/>
        </w:rPr>
        <w:t xml:space="preserve"> The line </w:t>
      </w:r>
      <w:r w:rsidR="009E7DCD">
        <w:rPr>
          <w:sz w:val="24"/>
          <w:szCs w:val="24"/>
        </w:rPr>
        <w:t>‘</w:t>
      </w:r>
      <w:r w:rsidR="00F32E6A">
        <w:rPr>
          <w:sz w:val="24"/>
          <w:szCs w:val="24"/>
        </w:rPr>
        <w:t>keras.model.</w:t>
      </w:r>
      <w:r w:rsidR="00701367">
        <w:rPr>
          <w:sz w:val="24"/>
          <w:szCs w:val="24"/>
        </w:rPr>
        <w:t>load_model(“model.predict”)</w:t>
      </w:r>
      <w:r w:rsidR="009E7DCD">
        <w:rPr>
          <w:sz w:val="24"/>
          <w:szCs w:val="24"/>
        </w:rPr>
        <w:t>’</w:t>
      </w:r>
      <w:r w:rsidR="00701367">
        <w:rPr>
          <w:sz w:val="24"/>
          <w:szCs w:val="24"/>
        </w:rPr>
        <w:t xml:space="preserve"> can be seen at the top of the </w:t>
      </w:r>
      <w:r w:rsidR="009E7DCD">
        <w:rPr>
          <w:sz w:val="24"/>
          <w:szCs w:val="24"/>
        </w:rPr>
        <w:t>capture</w:t>
      </w:r>
      <w:r w:rsidR="00701367">
        <w:rPr>
          <w:sz w:val="24"/>
          <w:szCs w:val="24"/>
        </w:rPr>
        <w:t xml:space="preserve">, this is where the model is being </w:t>
      </w:r>
      <w:r w:rsidR="009E7DCD">
        <w:rPr>
          <w:sz w:val="24"/>
          <w:szCs w:val="24"/>
        </w:rPr>
        <w:t>loaded.</w:t>
      </w:r>
      <w:r w:rsidR="00D2187F">
        <w:rPr>
          <w:sz w:val="24"/>
          <w:szCs w:val="24"/>
        </w:rPr>
        <w:t xml:space="preserve"> </w:t>
      </w:r>
    </w:p>
    <w:p w14:paraId="357FB0E2" w14:textId="0D7271D1" w:rsidR="00BC0183" w:rsidRDefault="00D2187F" w:rsidP="00D34A48">
      <w:pPr>
        <w:rPr>
          <w:sz w:val="24"/>
          <w:szCs w:val="24"/>
        </w:rPr>
      </w:pPr>
      <w:r>
        <w:rPr>
          <w:sz w:val="24"/>
          <w:szCs w:val="24"/>
        </w:rPr>
        <w:t>In the commented-out section, you can see that the neurons are being defined</w:t>
      </w:r>
      <w:r w:rsidR="00CA1D55">
        <w:rPr>
          <w:sz w:val="24"/>
          <w:szCs w:val="24"/>
        </w:rPr>
        <w:t xml:space="preserve">. The structure of </w:t>
      </w:r>
      <w:r w:rsidR="00917111">
        <w:rPr>
          <w:sz w:val="24"/>
          <w:szCs w:val="24"/>
        </w:rPr>
        <w:t>the neural network has gone through</w:t>
      </w:r>
      <w:r w:rsidR="00AD39F1">
        <w:rPr>
          <w:sz w:val="24"/>
          <w:szCs w:val="24"/>
        </w:rPr>
        <w:t xml:space="preserve"> many iterations and versions throughout the lifetime of this project.</w:t>
      </w:r>
      <w:r w:rsidR="00077CDD">
        <w:rPr>
          <w:sz w:val="24"/>
          <w:szCs w:val="24"/>
        </w:rPr>
        <w:t xml:space="preserve"> </w:t>
      </w:r>
      <w:r w:rsidR="00C17E4A">
        <w:rPr>
          <w:sz w:val="24"/>
          <w:szCs w:val="24"/>
        </w:rPr>
        <w:t>Initially</w:t>
      </w:r>
      <w:r w:rsidR="00370425">
        <w:rPr>
          <w:sz w:val="24"/>
          <w:szCs w:val="24"/>
        </w:rPr>
        <w:t xml:space="preserve">, I </w:t>
      </w:r>
      <w:r w:rsidR="00C17E4A">
        <w:rPr>
          <w:sz w:val="24"/>
          <w:szCs w:val="24"/>
        </w:rPr>
        <w:t>structured</w:t>
      </w:r>
      <w:r w:rsidR="00370425">
        <w:rPr>
          <w:sz w:val="24"/>
          <w:szCs w:val="24"/>
        </w:rPr>
        <w:t xml:space="preserve"> the neural net work very similarly to that o</w:t>
      </w:r>
      <w:r w:rsidR="003E4816">
        <w:rPr>
          <w:sz w:val="24"/>
          <w:szCs w:val="24"/>
        </w:rPr>
        <w:t xml:space="preserve">f a practice project I built while teaching myself </w:t>
      </w:r>
      <w:r w:rsidR="00BF40DA">
        <w:rPr>
          <w:sz w:val="24"/>
          <w:szCs w:val="24"/>
        </w:rPr>
        <w:t xml:space="preserve">the </w:t>
      </w:r>
      <w:r w:rsidR="00D508C3">
        <w:rPr>
          <w:sz w:val="24"/>
          <w:szCs w:val="24"/>
        </w:rPr>
        <w:t xml:space="preserve">functionalities of </w:t>
      </w:r>
      <w:r w:rsidR="00C17E4A">
        <w:rPr>
          <w:sz w:val="24"/>
          <w:szCs w:val="24"/>
        </w:rPr>
        <w:t>TensorFlow</w:t>
      </w:r>
      <w:r w:rsidR="00D508C3">
        <w:rPr>
          <w:sz w:val="24"/>
          <w:szCs w:val="24"/>
        </w:rPr>
        <w:t>.</w:t>
      </w:r>
      <w:r w:rsidR="00300B89">
        <w:rPr>
          <w:sz w:val="24"/>
          <w:szCs w:val="24"/>
        </w:rPr>
        <w:t xml:space="preserve"> </w:t>
      </w:r>
      <w:r w:rsidR="00C17E4A">
        <w:rPr>
          <w:sz w:val="24"/>
          <w:szCs w:val="24"/>
        </w:rPr>
        <w:t>Specifically</w:t>
      </w:r>
      <w:r w:rsidR="00165691">
        <w:rPr>
          <w:sz w:val="24"/>
          <w:szCs w:val="24"/>
        </w:rPr>
        <w:t xml:space="preserve"> the </w:t>
      </w:r>
      <w:r w:rsidR="00DC686A">
        <w:rPr>
          <w:sz w:val="24"/>
          <w:szCs w:val="24"/>
        </w:rPr>
        <w:t>initial</w:t>
      </w:r>
      <w:r w:rsidR="00165691">
        <w:rPr>
          <w:sz w:val="24"/>
          <w:szCs w:val="24"/>
        </w:rPr>
        <w:t xml:space="preserve"> </w:t>
      </w:r>
      <w:r w:rsidR="00D77844">
        <w:rPr>
          <w:sz w:val="24"/>
          <w:szCs w:val="24"/>
        </w:rPr>
        <w:t xml:space="preserve">structure of the </w:t>
      </w:r>
      <w:r w:rsidR="00775F26">
        <w:rPr>
          <w:sz w:val="24"/>
          <w:szCs w:val="24"/>
        </w:rPr>
        <w:t>neural</w:t>
      </w:r>
      <w:r w:rsidR="00D77844">
        <w:rPr>
          <w:sz w:val="24"/>
          <w:szCs w:val="24"/>
        </w:rPr>
        <w:t xml:space="preserve"> ne</w:t>
      </w:r>
      <w:r w:rsidR="00775F26">
        <w:rPr>
          <w:sz w:val="24"/>
          <w:szCs w:val="24"/>
        </w:rPr>
        <w:t xml:space="preserve">twork consisted of an embedding layer, </w:t>
      </w:r>
      <w:r w:rsidR="00B76C35">
        <w:rPr>
          <w:sz w:val="24"/>
          <w:szCs w:val="24"/>
        </w:rPr>
        <w:t xml:space="preserve">which would </w:t>
      </w:r>
      <w:r w:rsidR="00D3722D">
        <w:rPr>
          <w:sz w:val="24"/>
          <w:szCs w:val="24"/>
        </w:rPr>
        <w:t>take a number input from the developer</w:t>
      </w:r>
      <w:r w:rsidR="009718E7">
        <w:rPr>
          <w:sz w:val="24"/>
          <w:szCs w:val="24"/>
        </w:rPr>
        <w:t xml:space="preserve"> (10,000 for example)</w:t>
      </w:r>
      <w:r w:rsidR="000D0793">
        <w:rPr>
          <w:sz w:val="24"/>
          <w:szCs w:val="24"/>
        </w:rPr>
        <w:t xml:space="preserve">, and would only take </w:t>
      </w:r>
      <w:r w:rsidR="009718E7">
        <w:rPr>
          <w:sz w:val="24"/>
          <w:szCs w:val="24"/>
        </w:rPr>
        <w:t>the most common 10,000</w:t>
      </w:r>
      <w:r w:rsidR="00B6505E">
        <w:rPr>
          <w:sz w:val="24"/>
          <w:szCs w:val="24"/>
        </w:rPr>
        <w:t xml:space="preserve"> word</w:t>
      </w:r>
      <w:r w:rsidR="001B3288">
        <w:rPr>
          <w:sz w:val="24"/>
          <w:szCs w:val="24"/>
        </w:rPr>
        <w:t>s that appear in all the sentiment data</w:t>
      </w:r>
      <w:r w:rsidR="00712B39">
        <w:rPr>
          <w:sz w:val="24"/>
          <w:szCs w:val="24"/>
        </w:rPr>
        <w:t xml:space="preserve"> passed to it into consideration, and disregards all other</w:t>
      </w:r>
      <w:r w:rsidR="00EB658E">
        <w:rPr>
          <w:sz w:val="24"/>
          <w:szCs w:val="24"/>
        </w:rPr>
        <w:t xml:space="preserve"> words weighting it’s predictions.</w:t>
      </w:r>
      <w:r w:rsidR="00712B39">
        <w:rPr>
          <w:sz w:val="24"/>
          <w:szCs w:val="24"/>
        </w:rPr>
        <w:t xml:space="preserve"> </w:t>
      </w:r>
      <w:r w:rsidR="00EB658E">
        <w:rPr>
          <w:sz w:val="24"/>
          <w:szCs w:val="24"/>
        </w:rPr>
        <w:t>The reason that I took this out</w:t>
      </w:r>
      <w:r w:rsidR="00956115">
        <w:rPr>
          <w:sz w:val="24"/>
          <w:szCs w:val="24"/>
        </w:rPr>
        <w:t xml:space="preserve"> is that </w:t>
      </w:r>
      <w:r w:rsidR="00E61544">
        <w:rPr>
          <w:sz w:val="24"/>
          <w:szCs w:val="24"/>
        </w:rPr>
        <w:t>was no practical way to make this work with the rest of the network</w:t>
      </w:r>
      <w:r w:rsidR="006D6884">
        <w:rPr>
          <w:sz w:val="24"/>
          <w:szCs w:val="24"/>
        </w:rPr>
        <w:t>, or in</w:t>
      </w:r>
      <w:r w:rsidR="00441F00">
        <w:rPr>
          <w:sz w:val="24"/>
          <w:szCs w:val="24"/>
        </w:rPr>
        <w:t xml:space="preserve"> regard to the application in general. An embedding layer </w:t>
      </w:r>
      <w:r w:rsidR="006B4DCF">
        <w:rPr>
          <w:sz w:val="24"/>
          <w:szCs w:val="24"/>
        </w:rPr>
        <w:t>essentially</w:t>
      </w:r>
      <w:r w:rsidR="00441F00">
        <w:rPr>
          <w:sz w:val="24"/>
          <w:szCs w:val="24"/>
        </w:rPr>
        <w:t xml:space="preserve"> requires the developer to </w:t>
      </w:r>
      <w:r w:rsidR="006B4DCF">
        <w:rPr>
          <w:sz w:val="24"/>
          <w:szCs w:val="24"/>
        </w:rPr>
        <w:t>provide</w:t>
      </w:r>
      <w:r w:rsidR="00441F00">
        <w:rPr>
          <w:sz w:val="24"/>
          <w:szCs w:val="24"/>
        </w:rPr>
        <w:t xml:space="preserve"> a custom dictionary to define all the possible words that could appear in a piece of data, so that it may decide which words </w:t>
      </w:r>
      <w:r w:rsidR="006B4DCF">
        <w:rPr>
          <w:sz w:val="24"/>
          <w:szCs w:val="24"/>
        </w:rPr>
        <w:t>are relevant to its predictions. In the practice project that I created during my self-education</w:t>
      </w:r>
      <w:r w:rsidR="00A371ED">
        <w:rPr>
          <w:sz w:val="24"/>
          <w:szCs w:val="24"/>
        </w:rPr>
        <w:t xml:space="preserve">, this dictionary was provided by keras itself, as it was an </w:t>
      </w:r>
      <w:r w:rsidR="002F7767">
        <w:rPr>
          <w:sz w:val="24"/>
          <w:szCs w:val="24"/>
        </w:rPr>
        <w:t>in-built</w:t>
      </w:r>
      <w:r w:rsidR="00A371ED">
        <w:rPr>
          <w:sz w:val="24"/>
          <w:szCs w:val="24"/>
        </w:rPr>
        <w:t xml:space="preserve"> </w:t>
      </w:r>
      <w:r w:rsidR="00297C8B">
        <w:rPr>
          <w:sz w:val="24"/>
          <w:szCs w:val="24"/>
        </w:rPr>
        <w:t xml:space="preserve">project for </w:t>
      </w:r>
      <w:r w:rsidR="005164C3">
        <w:rPr>
          <w:sz w:val="24"/>
          <w:szCs w:val="24"/>
        </w:rPr>
        <w:t xml:space="preserve">to teach the user how to </w:t>
      </w:r>
      <w:r w:rsidR="002F7767">
        <w:rPr>
          <w:sz w:val="24"/>
          <w:szCs w:val="24"/>
        </w:rPr>
        <w:t>develop</w:t>
      </w:r>
      <w:r w:rsidR="00314CFB">
        <w:rPr>
          <w:sz w:val="24"/>
          <w:szCs w:val="24"/>
        </w:rPr>
        <w:t xml:space="preserve"> a text classification</w:t>
      </w:r>
      <w:r w:rsidR="00B24079">
        <w:rPr>
          <w:sz w:val="24"/>
          <w:szCs w:val="24"/>
        </w:rPr>
        <w:t xml:space="preserve"> algorithm for ranking movie reviews. I had neither the </w:t>
      </w:r>
      <w:r w:rsidR="007D3BF9">
        <w:rPr>
          <w:sz w:val="24"/>
          <w:szCs w:val="24"/>
        </w:rPr>
        <w:t xml:space="preserve">time nor, frankly the know-how to </w:t>
      </w:r>
      <w:r w:rsidR="009D3783">
        <w:rPr>
          <w:sz w:val="24"/>
          <w:szCs w:val="24"/>
        </w:rPr>
        <w:t xml:space="preserve">develop a custom word dictionary, </w:t>
      </w:r>
      <w:r w:rsidR="00050737">
        <w:rPr>
          <w:sz w:val="24"/>
          <w:szCs w:val="24"/>
        </w:rPr>
        <w:t xml:space="preserve">due to the fact that I could not find a </w:t>
      </w:r>
      <w:r w:rsidR="002F7767">
        <w:rPr>
          <w:sz w:val="24"/>
          <w:szCs w:val="24"/>
        </w:rPr>
        <w:t>tutorial</w:t>
      </w:r>
      <w:r w:rsidR="00050737">
        <w:rPr>
          <w:sz w:val="24"/>
          <w:szCs w:val="24"/>
        </w:rPr>
        <w:t xml:space="preserve"> online</w:t>
      </w:r>
      <w:r w:rsidR="004E6CFE">
        <w:rPr>
          <w:sz w:val="24"/>
          <w:szCs w:val="24"/>
        </w:rPr>
        <w:t xml:space="preserve"> to instruct on how to </w:t>
      </w:r>
      <w:r w:rsidR="002F7767">
        <w:rPr>
          <w:sz w:val="24"/>
          <w:szCs w:val="24"/>
        </w:rPr>
        <w:t>construct</w:t>
      </w:r>
      <w:r w:rsidR="004E6CFE">
        <w:rPr>
          <w:sz w:val="24"/>
          <w:szCs w:val="24"/>
        </w:rPr>
        <w:t xml:space="preserve"> a </w:t>
      </w:r>
      <w:r w:rsidR="002F7767">
        <w:rPr>
          <w:sz w:val="24"/>
          <w:szCs w:val="24"/>
        </w:rPr>
        <w:t>dictionary</w:t>
      </w:r>
      <w:r w:rsidR="004E6CFE">
        <w:rPr>
          <w:sz w:val="24"/>
          <w:szCs w:val="24"/>
        </w:rPr>
        <w:t xml:space="preserve"> of reasonable quality.</w:t>
      </w:r>
    </w:p>
    <w:p w14:paraId="1C363268" w14:textId="7DBABA8B" w:rsidR="002C659F" w:rsidRDefault="00DC686A" w:rsidP="003777BA">
      <w:pPr>
        <w:rPr>
          <w:sz w:val="24"/>
          <w:szCs w:val="24"/>
        </w:rPr>
      </w:pPr>
      <w:r>
        <w:rPr>
          <w:sz w:val="24"/>
          <w:szCs w:val="24"/>
        </w:rPr>
        <w:t>Another</w:t>
      </w:r>
      <w:r w:rsidR="00F04820">
        <w:rPr>
          <w:sz w:val="24"/>
          <w:szCs w:val="24"/>
        </w:rPr>
        <w:t xml:space="preserve"> neuron that was </w:t>
      </w:r>
      <w:r w:rsidR="00773F19">
        <w:rPr>
          <w:sz w:val="24"/>
          <w:szCs w:val="24"/>
        </w:rPr>
        <w:t xml:space="preserve">originally in the network was </w:t>
      </w:r>
      <w:r w:rsidR="003777BA">
        <w:rPr>
          <w:sz w:val="24"/>
          <w:szCs w:val="24"/>
        </w:rPr>
        <w:t xml:space="preserve">the </w:t>
      </w:r>
      <w:r w:rsidR="003777BA" w:rsidRPr="003777BA">
        <w:rPr>
          <w:sz w:val="24"/>
          <w:szCs w:val="24"/>
        </w:rPr>
        <w:t>GlobalAveragePooling1D</w:t>
      </w:r>
      <w:r w:rsidR="003777BA">
        <w:rPr>
          <w:sz w:val="24"/>
          <w:szCs w:val="24"/>
        </w:rPr>
        <w:t xml:space="preserve"> </w:t>
      </w:r>
      <w:r w:rsidR="00240D2C">
        <w:rPr>
          <w:sz w:val="24"/>
          <w:szCs w:val="24"/>
        </w:rPr>
        <w:t>layer, which worked in tandem with the embedding layer</w:t>
      </w:r>
      <w:r w:rsidR="00AB0A5E">
        <w:rPr>
          <w:sz w:val="24"/>
          <w:szCs w:val="24"/>
        </w:rPr>
        <w:t xml:space="preserve">, to average out the </w:t>
      </w:r>
      <w:r w:rsidR="00827652">
        <w:rPr>
          <w:sz w:val="24"/>
          <w:szCs w:val="24"/>
        </w:rPr>
        <w:t xml:space="preserve">results of the </w:t>
      </w:r>
      <w:r w:rsidR="00167A64">
        <w:rPr>
          <w:sz w:val="24"/>
          <w:szCs w:val="24"/>
        </w:rPr>
        <w:t xml:space="preserve">preceding layer and distribute these average results across the neurons in the </w:t>
      </w:r>
      <w:r w:rsidR="001E590E">
        <w:rPr>
          <w:sz w:val="24"/>
          <w:szCs w:val="24"/>
        </w:rPr>
        <w:t xml:space="preserve">following layer. This layer served no function without the embedding </w:t>
      </w:r>
      <w:r w:rsidR="00D55B14">
        <w:rPr>
          <w:sz w:val="24"/>
          <w:szCs w:val="24"/>
        </w:rPr>
        <w:t>layer,</w:t>
      </w:r>
      <w:r w:rsidR="001E590E">
        <w:rPr>
          <w:sz w:val="24"/>
          <w:szCs w:val="24"/>
        </w:rPr>
        <w:t xml:space="preserve"> so I decided </w:t>
      </w:r>
      <w:r w:rsidR="0003466A">
        <w:rPr>
          <w:sz w:val="24"/>
          <w:szCs w:val="24"/>
        </w:rPr>
        <w:t>to remove it alongside</w:t>
      </w:r>
      <w:r w:rsidR="00DF1E1C">
        <w:rPr>
          <w:sz w:val="24"/>
          <w:szCs w:val="24"/>
        </w:rPr>
        <w:t xml:space="preserve"> the embedding layer. </w:t>
      </w:r>
      <w:r w:rsidR="000901B3">
        <w:rPr>
          <w:sz w:val="24"/>
          <w:szCs w:val="24"/>
        </w:rPr>
        <w:t>When these layers were included in the network, the</w:t>
      </w:r>
      <w:r w:rsidR="00D55B14">
        <w:rPr>
          <w:sz w:val="24"/>
          <w:szCs w:val="24"/>
        </w:rPr>
        <w:t xml:space="preserve"> impl</w:t>
      </w:r>
      <w:r w:rsidR="00040426">
        <w:rPr>
          <w:sz w:val="24"/>
          <w:szCs w:val="24"/>
        </w:rPr>
        <w:t xml:space="preserve">ementation of the project at that time involved </w:t>
      </w:r>
      <w:r w:rsidR="00137685">
        <w:rPr>
          <w:sz w:val="24"/>
          <w:szCs w:val="24"/>
        </w:rPr>
        <w:t xml:space="preserve">converting </w:t>
      </w:r>
      <w:r w:rsidR="00C54D27">
        <w:rPr>
          <w:sz w:val="24"/>
          <w:szCs w:val="24"/>
        </w:rPr>
        <w:t>entire pieces of sentiment data</w:t>
      </w:r>
      <w:r w:rsidR="00B349BD">
        <w:rPr>
          <w:sz w:val="24"/>
          <w:szCs w:val="24"/>
        </w:rPr>
        <w:t xml:space="preserve"> into decimal representations of themselves to be passed into the </w:t>
      </w:r>
      <w:r w:rsidR="00A8093E">
        <w:rPr>
          <w:sz w:val="24"/>
          <w:szCs w:val="24"/>
        </w:rPr>
        <w:t>algorithm</w:t>
      </w:r>
      <w:r w:rsidR="00B349BD">
        <w:rPr>
          <w:sz w:val="24"/>
          <w:szCs w:val="24"/>
        </w:rPr>
        <w:t xml:space="preserve">. </w:t>
      </w:r>
      <w:r w:rsidR="00A8093E">
        <w:rPr>
          <w:sz w:val="24"/>
          <w:szCs w:val="24"/>
        </w:rPr>
        <w:t xml:space="preserve">The removal of these layers </w:t>
      </w:r>
      <w:r w:rsidR="00210F25">
        <w:rPr>
          <w:sz w:val="24"/>
          <w:szCs w:val="24"/>
        </w:rPr>
        <w:t>prompted</w:t>
      </w:r>
      <w:r w:rsidR="00A8093E">
        <w:rPr>
          <w:sz w:val="24"/>
          <w:szCs w:val="24"/>
        </w:rPr>
        <w:t xml:space="preserve"> </w:t>
      </w:r>
      <w:r w:rsidR="001E5172">
        <w:rPr>
          <w:sz w:val="24"/>
          <w:szCs w:val="24"/>
        </w:rPr>
        <w:t>the change of having the results generated from</w:t>
      </w:r>
      <w:r w:rsidR="00DE607F">
        <w:rPr>
          <w:sz w:val="24"/>
          <w:szCs w:val="24"/>
        </w:rPr>
        <w:t xml:space="preserve"> the Stanford NLP API</w:t>
      </w:r>
      <w:r w:rsidR="002516DC">
        <w:rPr>
          <w:sz w:val="24"/>
          <w:szCs w:val="24"/>
        </w:rPr>
        <w:t xml:space="preserve"> into the network instead.</w:t>
      </w:r>
    </w:p>
    <w:p w14:paraId="0FCA9B71" w14:textId="33466A1E" w:rsidR="00E85D83" w:rsidRDefault="00E85D83" w:rsidP="003777BA">
      <w:pPr>
        <w:rPr>
          <w:sz w:val="24"/>
          <w:szCs w:val="24"/>
        </w:rPr>
      </w:pPr>
      <w:r>
        <w:rPr>
          <w:sz w:val="24"/>
          <w:szCs w:val="24"/>
        </w:rPr>
        <w:t>In the end I opted for simplicity</w:t>
      </w:r>
      <w:r w:rsidR="00807108">
        <w:rPr>
          <w:sz w:val="24"/>
          <w:szCs w:val="24"/>
        </w:rPr>
        <w:t xml:space="preserve">. Taking direction from </w:t>
      </w:r>
      <w:r w:rsidR="003D4B0A">
        <w:rPr>
          <w:sz w:val="24"/>
          <w:szCs w:val="24"/>
        </w:rPr>
        <w:t xml:space="preserve">TensorFlow official guides and documentation, I constructed </w:t>
      </w:r>
      <w:r w:rsidR="00FD67CE">
        <w:rPr>
          <w:sz w:val="24"/>
          <w:szCs w:val="24"/>
        </w:rPr>
        <w:t xml:space="preserve">the network from layers of Dense neurons, which are the </w:t>
      </w:r>
      <w:r w:rsidR="00E265AE">
        <w:rPr>
          <w:sz w:val="24"/>
          <w:szCs w:val="24"/>
        </w:rPr>
        <w:t>simplest</w:t>
      </w:r>
      <w:r w:rsidR="00FD67CE">
        <w:rPr>
          <w:sz w:val="24"/>
          <w:szCs w:val="24"/>
        </w:rPr>
        <w:t xml:space="preserve"> type to implement. Dense layers are used for pattern matching between </w:t>
      </w:r>
      <w:r w:rsidR="002C659F">
        <w:rPr>
          <w:sz w:val="24"/>
          <w:szCs w:val="24"/>
        </w:rPr>
        <w:t xml:space="preserve">two </w:t>
      </w:r>
      <w:r w:rsidR="00E265AE">
        <w:rPr>
          <w:sz w:val="24"/>
          <w:szCs w:val="24"/>
        </w:rPr>
        <w:t>NumPy</w:t>
      </w:r>
      <w:r w:rsidR="002C659F">
        <w:rPr>
          <w:sz w:val="24"/>
          <w:szCs w:val="24"/>
        </w:rPr>
        <w:t xml:space="preserve"> arrays of numbers. I used these layers to find the patterns in price changes corresponding to</w:t>
      </w:r>
      <w:r w:rsidR="0029523F">
        <w:rPr>
          <w:sz w:val="24"/>
          <w:szCs w:val="24"/>
        </w:rPr>
        <w:t xml:space="preserve"> the positivity</w:t>
      </w:r>
      <w:r w:rsidR="00783813">
        <w:rPr>
          <w:sz w:val="24"/>
          <w:szCs w:val="24"/>
        </w:rPr>
        <w:t xml:space="preserve"> of sentiment data published in the preceding 24 hours.</w:t>
      </w:r>
    </w:p>
    <w:p w14:paraId="2F61C05D" w14:textId="347042E9" w:rsidR="0076533B" w:rsidRDefault="0076533B" w:rsidP="003777BA">
      <w:pPr>
        <w:rPr>
          <w:sz w:val="24"/>
          <w:szCs w:val="24"/>
        </w:rPr>
      </w:pPr>
    </w:p>
    <w:p w14:paraId="51C3BE7C" w14:textId="1392ACC6" w:rsidR="00D27F30" w:rsidRDefault="00D27F30" w:rsidP="00D27F30">
      <w:pPr>
        <w:pStyle w:val="Heading2"/>
      </w:pPr>
      <w:r>
        <w:lastRenderedPageBreak/>
        <w:t>Plutocrat Web</w:t>
      </w:r>
    </w:p>
    <w:p w14:paraId="7CFAF0C2" w14:textId="7A42F7F8" w:rsidR="00D27F30" w:rsidRPr="002C47BD" w:rsidRDefault="00C10ABC" w:rsidP="00D27F30">
      <w:pPr>
        <w:rPr>
          <w:sz w:val="24"/>
          <w:szCs w:val="24"/>
        </w:rPr>
      </w:pPr>
      <w:r>
        <w:rPr>
          <w:noProof/>
          <w:sz w:val="24"/>
          <w:szCs w:val="24"/>
        </w:rPr>
        <w:drawing>
          <wp:inline distT="0" distB="0" distL="0" distR="0" wp14:anchorId="42A1B6BC" wp14:editId="4AC4C83F">
            <wp:extent cx="5440680" cy="5059680"/>
            <wp:effectExtent l="0" t="0" r="7620" b="762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8"/>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440680" cy="5059680"/>
                    </a:xfrm>
                    <a:prstGeom prst="rect">
                      <a:avLst/>
                    </a:prstGeom>
                    <a:noFill/>
                    <a:ln>
                      <a:noFill/>
                    </a:ln>
                  </pic:spPr>
                </pic:pic>
              </a:graphicData>
            </a:graphic>
          </wp:inline>
        </w:drawing>
      </w:r>
    </w:p>
    <w:p w14:paraId="7A851F23" w14:textId="15E30A2A" w:rsidR="00DC686A" w:rsidRDefault="009751DB" w:rsidP="00D34A48">
      <w:pPr>
        <w:rPr>
          <w:sz w:val="24"/>
          <w:szCs w:val="24"/>
        </w:rPr>
      </w:pPr>
      <w:r>
        <w:rPr>
          <w:sz w:val="24"/>
          <w:szCs w:val="24"/>
        </w:rPr>
        <w:t>The web proponent of this project handles</w:t>
      </w:r>
      <w:r w:rsidR="008F4B65">
        <w:rPr>
          <w:sz w:val="24"/>
          <w:szCs w:val="24"/>
        </w:rPr>
        <w:t xml:space="preserve"> </w:t>
      </w:r>
      <w:r w:rsidR="0011588C">
        <w:rPr>
          <w:sz w:val="24"/>
          <w:szCs w:val="24"/>
        </w:rPr>
        <w:t xml:space="preserve">retrieving the information generated from the rest of the </w:t>
      </w:r>
      <w:r w:rsidR="00DF03A3">
        <w:rPr>
          <w:sz w:val="24"/>
          <w:szCs w:val="24"/>
        </w:rPr>
        <w:t>project and</w:t>
      </w:r>
      <w:r w:rsidR="004A3B9E">
        <w:rPr>
          <w:sz w:val="24"/>
          <w:szCs w:val="24"/>
        </w:rPr>
        <w:t xml:space="preserve"> displaying it for the user.</w:t>
      </w:r>
      <w:r w:rsidR="00035215">
        <w:rPr>
          <w:sz w:val="24"/>
          <w:szCs w:val="24"/>
        </w:rPr>
        <w:t xml:space="preserve"> This is achieved by creating a web</w:t>
      </w:r>
      <w:r w:rsidR="00384D0C">
        <w:rPr>
          <w:sz w:val="24"/>
          <w:szCs w:val="24"/>
        </w:rPr>
        <w:t>-application with the Spring MVC framework.</w:t>
      </w:r>
      <w:r w:rsidR="008740BA">
        <w:rPr>
          <w:sz w:val="24"/>
          <w:szCs w:val="24"/>
        </w:rPr>
        <w:t xml:space="preserve"> </w:t>
      </w:r>
      <w:r w:rsidR="00C10162">
        <w:rPr>
          <w:sz w:val="24"/>
          <w:szCs w:val="24"/>
        </w:rPr>
        <w:t xml:space="preserve">This top-level of the project </w:t>
      </w:r>
      <w:r w:rsidR="001F4A5A">
        <w:rPr>
          <w:sz w:val="24"/>
          <w:szCs w:val="24"/>
        </w:rPr>
        <w:t>reverts</w:t>
      </w:r>
      <w:r w:rsidR="00C10162">
        <w:rPr>
          <w:sz w:val="24"/>
          <w:szCs w:val="24"/>
        </w:rPr>
        <w:t xml:space="preserve"> back to Java as its language</w:t>
      </w:r>
      <w:r w:rsidR="001F4A5A">
        <w:rPr>
          <w:sz w:val="24"/>
          <w:szCs w:val="24"/>
        </w:rPr>
        <w:t>.</w:t>
      </w:r>
    </w:p>
    <w:p w14:paraId="4209A83A" w14:textId="39FFF177" w:rsidR="001F4A5A" w:rsidRDefault="001F4A5A" w:rsidP="00D34A48">
      <w:pPr>
        <w:rPr>
          <w:sz w:val="24"/>
          <w:szCs w:val="24"/>
        </w:rPr>
      </w:pPr>
      <w:r>
        <w:rPr>
          <w:sz w:val="24"/>
          <w:szCs w:val="24"/>
        </w:rPr>
        <w:t>After pullin</w:t>
      </w:r>
      <w:r w:rsidR="00CF334B">
        <w:rPr>
          <w:sz w:val="24"/>
          <w:szCs w:val="24"/>
        </w:rPr>
        <w:t xml:space="preserve">g the information that was </w:t>
      </w:r>
      <w:r w:rsidR="00BC0A21">
        <w:rPr>
          <w:sz w:val="24"/>
          <w:szCs w:val="24"/>
        </w:rPr>
        <w:t xml:space="preserve">written to the database in the bottom level of the project, along with the </w:t>
      </w:r>
      <w:r w:rsidR="0080683C">
        <w:rPr>
          <w:sz w:val="24"/>
          <w:szCs w:val="24"/>
        </w:rPr>
        <w:t>prediction</w:t>
      </w:r>
      <w:r w:rsidR="00B913AD">
        <w:rPr>
          <w:sz w:val="24"/>
          <w:szCs w:val="24"/>
        </w:rPr>
        <w:t xml:space="preserve"> data that was </w:t>
      </w:r>
      <w:r w:rsidR="00005905">
        <w:rPr>
          <w:sz w:val="24"/>
          <w:szCs w:val="24"/>
        </w:rPr>
        <w:t>supplemented in the intermediate layer.</w:t>
      </w:r>
      <w:r w:rsidR="00147654">
        <w:rPr>
          <w:sz w:val="24"/>
          <w:szCs w:val="24"/>
        </w:rPr>
        <w:t xml:space="preserve"> </w:t>
      </w:r>
      <w:r w:rsidR="008C674D">
        <w:rPr>
          <w:sz w:val="24"/>
          <w:szCs w:val="24"/>
        </w:rPr>
        <w:t xml:space="preserve">The </w:t>
      </w:r>
      <w:r w:rsidR="009A6970">
        <w:rPr>
          <w:sz w:val="24"/>
          <w:szCs w:val="24"/>
        </w:rPr>
        <w:t xml:space="preserve">framework </w:t>
      </w:r>
      <w:r w:rsidR="000F3FB6">
        <w:rPr>
          <w:sz w:val="24"/>
          <w:szCs w:val="24"/>
        </w:rPr>
        <w:t>accomplishes</w:t>
      </w:r>
      <w:r w:rsidR="009A6970">
        <w:rPr>
          <w:sz w:val="24"/>
          <w:szCs w:val="24"/>
        </w:rPr>
        <w:t xml:space="preserve"> </w:t>
      </w:r>
      <w:r w:rsidR="00E911C7">
        <w:rPr>
          <w:sz w:val="24"/>
          <w:szCs w:val="24"/>
        </w:rPr>
        <w:t>the construction of the website by implementing a number of classes:</w:t>
      </w:r>
    </w:p>
    <w:p w14:paraId="51B2D6FC" w14:textId="54EE64FA" w:rsidR="00F52E92" w:rsidRDefault="00F52E92" w:rsidP="00D34A48">
      <w:pPr>
        <w:rPr>
          <w:sz w:val="24"/>
          <w:szCs w:val="24"/>
        </w:rPr>
      </w:pPr>
    </w:p>
    <w:p w14:paraId="58A4A615" w14:textId="3F84569C" w:rsidR="00F52E92" w:rsidRDefault="00F52E92" w:rsidP="00D34A48">
      <w:pPr>
        <w:rPr>
          <w:sz w:val="24"/>
          <w:szCs w:val="24"/>
        </w:rPr>
      </w:pPr>
    </w:p>
    <w:p w14:paraId="52FB767D" w14:textId="13FD6EC2" w:rsidR="00F52E92" w:rsidRDefault="00F52E92" w:rsidP="00D34A48">
      <w:pPr>
        <w:rPr>
          <w:sz w:val="24"/>
          <w:szCs w:val="24"/>
        </w:rPr>
      </w:pPr>
    </w:p>
    <w:p w14:paraId="7C8EB7AE" w14:textId="77777777" w:rsidR="00F52E92" w:rsidRDefault="00F52E92" w:rsidP="00D34A48">
      <w:pPr>
        <w:rPr>
          <w:sz w:val="24"/>
          <w:szCs w:val="24"/>
        </w:rPr>
      </w:pPr>
    </w:p>
    <w:p w14:paraId="1A1A8802" w14:textId="77777777" w:rsidR="00E911C7" w:rsidRPr="00676BE4" w:rsidRDefault="00E911C7" w:rsidP="00E911C7">
      <w:pPr>
        <w:pStyle w:val="Heading4"/>
        <w:rPr>
          <w:sz w:val="24"/>
          <w:szCs w:val="24"/>
        </w:rPr>
      </w:pPr>
      <w:r w:rsidRPr="00676BE4">
        <w:rPr>
          <w:sz w:val="24"/>
          <w:szCs w:val="24"/>
        </w:rPr>
        <w:lastRenderedPageBreak/>
        <w:t>WebAppInitializer:</w:t>
      </w:r>
    </w:p>
    <w:p w14:paraId="06E063DC" w14:textId="77777777" w:rsidR="00E911C7" w:rsidRPr="00676BE4" w:rsidRDefault="00E911C7" w:rsidP="00E911C7">
      <w:pPr>
        <w:rPr>
          <w:sz w:val="24"/>
          <w:szCs w:val="24"/>
        </w:rPr>
      </w:pPr>
      <w:r w:rsidRPr="00676BE4">
        <w:rPr>
          <w:sz w:val="24"/>
          <w:szCs w:val="24"/>
        </w:rPr>
        <w:t>Performs the actions needed to be performed when the server is started. Such as creating servlets, defining mapping, and registering the config files.</w:t>
      </w:r>
    </w:p>
    <w:p w14:paraId="6963AC10" w14:textId="77777777" w:rsidR="00E911C7" w:rsidRPr="00676BE4" w:rsidRDefault="00E911C7" w:rsidP="00E911C7">
      <w:pPr>
        <w:pStyle w:val="Heading4"/>
        <w:rPr>
          <w:sz w:val="24"/>
          <w:szCs w:val="24"/>
        </w:rPr>
      </w:pPr>
      <w:r w:rsidRPr="00676BE4">
        <w:rPr>
          <w:sz w:val="24"/>
          <w:szCs w:val="24"/>
        </w:rPr>
        <w:t>WebMVCConfig:</w:t>
      </w:r>
    </w:p>
    <w:p w14:paraId="2FCCC40B" w14:textId="77777777" w:rsidR="00E911C7" w:rsidRPr="00676BE4" w:rsidRDefault="00E911C7" w:rsidP="00E911C7">
      <w:pPr>
        <w:rPr>
          <w:sz w:val="24"/>
          <w:szCs w:val="24"/>
        </w:rPr>
      </w:pPr>
      <w:r w:rsidRPr="00676BE4">
        <w:rPr>
          <w:sz w:val="24"/>
          <w:szCs w:val="24"/>
        </w:rPr>
        <w:t>This file creates a view resolver, which informs the application of the file path that webpages can be found on, and what suffix to expect: .jsp, .html, etc. Which informs the sever of what file types that it is dealing with and allows them to be located more accurately.</w:t>
      </w:r>
    </w:p>
    <w:p w14:paraId="5D89B8DB" w14:textId="77777777" w:rsidR="00E911C7" w:rsidRPr="00676BE4" w:rsidRDefault="00E911C7" w:rsidP="00E911C7">
      <w:pPr>
        <w:rPr>
          <w:sz w:val="24"/>
          <w:szCs w:val="24"/>
        </w:rPr>
      </w:pPr>
      <w:r w:rsidRPr="00676BE4">
        <w:rPr>
          <w:sz w:val="24"/>
          <w:szCs w:val="24"/>
        </w:rPr>
        <w:t>Also, in this case, I have added a resource handler, which points to the location that the bootstrap resources and jar files are hosted at, within the maven dependencies, so that the application may make use of them</w:t>
      </w:r>
    </w:p>
    <w:p w14:paraId="078581C1" w14:textId="77777777" w:rsidR="00E911C7" w:rsidRPr="00676BE4" w:rsidRDefault="00E911C7" w:rsidP="00E911C7">
      <w:pPr>
        <w:pStyle w:val="Heading4"/>
        <w:rPr>
          <w:sz w:val="24"/>
          <w:szCs w:val="24"/>
        </w:rPr>
      </w:pPr>
      <w:r w:rsidRPr="00676BE4">
        <w:rPr>
          <w:sz w:val="24"/>
          <w:szCs w:val="24"/>
        </w:rPr>
        <w:t>JpaConfig:</w:t>
      </w:r>
    </w:p>
    <w:p w14:paraId="27CF7493" w14:textId="77777777" w:rsidR="00E911C7" w:rsidRPr="00676BE4" w:rsidRDefault="00E911C7" w:rsidP="00E911C7">
      <w:pPr>
        <w:rPr>
          <w:sz w:val="24"/>
          <w:szCs w:val="24"/>
        </w:rPr>
      </w:pPr>
      <w:r w:rsidRPr="00676BE4">
        <w:rPr>
          <w:sz w:val="24"/>
          <w:szCs w:val="24"/>
        </w:rPr>
        <w:t>This class defines that java beans used in this project.</w:t>
      </w:r>
    </w:p>
    <w:p w14:paraId="5CB7EC5D" w14:textId="77777777" w:rsidR="00E911C7" w:rsidRPr="00676BE4" w:rsidRDefault="00E911C7" w:rsidP="00E911C7">
      <w:pPr>
        <w:rPr>
          <w:sz w:val="24"/>
          <w:szCs w:val="24"/>
        </w:rPr>
      </w:pPr>
      <w:bookmarkStart w:id="0" w:name="_GoBack"/>
      <w:r w:rsidRPr="00676BE4">
        <w:rPr>
          <w:sz w:val="24"/>
          <w:szCs w:val="24"/>
        </w:rPr>
        <w:t xml:space="preserve">It helps create the Entity Manager Factory in accordance to the details provided in the </w:t>
      </w:r>
      <w:bookmarkEnd w:id="0"/>
      <w:r w:rsidRPr="00676BE4">
        <w:rPr>
          <w:sz w:val="24"/>
          <w:szCs w:val="24"/>
        </w:rPr>
        <w:t>persistence.xml file in the META-INF folder. Since I made this webapp using hibernate ORM the app needs this to enable it to manage its interactions it the underlaying database in regard to the present entities</w:t>
      </w:r>
    </w:p>
    <w:p w14:paraId="16F39822" w14:textId="0CFC561F" w:rsidR="00E911C7" w:rsidRPr="00676BE4" w:rsidRDefault="00E911C7" w:rsidP="00E911C7">
      <w:pPr>
        <w:pStyle w:val="Heading4"/>
        <w:rPr>
          <w:sz w:val="24"/>
          <w:szCs w:val="24"/>
        </w:rPr>
      </w:pPr>
      <w:r w:rsidRPr="00676BE4">
        <w:rPr>
          <w:sz w:val="24"/>
          <w:szCs w:val="24"/>
        </w:rPr>
        <w:t>C</w:t>
      </w:r>
      <w:r w:rsidR="004854E2" w:rsidRPr="00676BE4">
        <w:rPr>
          <w:sz w:val="24"/>
          <w:szCs w:val="24"/>
        </w:rPr>
        <w:t>ompany</w:t>
      </w:r>
      <w:r w:rsidRPr="00676BE4">
        <w:rPr>
          <w:sz w:val="24"/>
          <w:szCs w:val="24"/>
        </w:rPr>
        <w:t>Repository:</w:t>
      </w:r>
    </w:p>
    <w:p w14:paraId="1A201CDB" w14:textId="496D7DBD" w:rsidR="00E911C7" w:rsidRPr="00676BE4" w:rsidRDefault="00E911C7" w:rsidP="00E911C7">
      <w:pPr>
        <w:rPr>
          <w:sz w:val="24"/>
          <w:szCs w:val="24"/>
        </w:rPr>
      </w:pPr>
      <w:r w:rsidRPr="00676BE4">
        <w:rPr>
          <w:sz w:val="24"/>
          <w:szCs w:val="24"/>
        </w:rPr>
        <w:t xml:space="preserve">A repository is an interface that can be used to handle interactions with the webapps database. Many queries can be performed automatically without needing to write sql (such as save) while query’s can also be written manually if needed with the @Query annotation. This repository Is set to implement a CrudRepository interface and is set up to specifically deal with </w:t>
      </w:r>
      <w:r w:rsidR="003356B2" w:rsidRPr="00676BE4">
        <w:rPr>
          <w:sz w:val="24"/>
          <w:szCs w:val="24"/>
        </w:rPr>
        <w:t>Company</w:t>
      </w:r>
      <w:r w:rsidRPr="00676BE4">
        <w:rPr>
          <w:sz w:val="24"/>
          <w:szCs w:val="24"/>
        </w:rPr>
        <w:t xml:space="preserve"> Entities.</w:t>
      </w:r>
    </w:p>
    <w:p w14:paraId="41179277" w14:textId="5717B7CF" w:rsidR="00E911C7" w:rsidRPr="00676BE4" w:rsidRDefault="003D5349" w:rsidP="00E911C7">
      <w:pPr>
        <w:pStyle w:val="Heading4"/>
        <w:rPr>
          <w:sz w:val="24"/>
          <w:szCs w:val="24"/>
        </w:rPr>
      </w:pPr>
      <w:r w:rsidRPr="00676BE4">
        <w:rPr>
          <w:sz w:val="24"/>
          <w:szCs w:val="24"/>
        </w:rPr>
        <w:t>Company</w:t>
      </w:r>
      <w:r w:rsidR="00E911C7" w:rsidRPr="00676BE4">
        <w:rPr>
          <w:sz w:val="24"/>
          <w:szCs w:val="24"/>
        </w:rPr>
        <w:t>Service</w:t>
      </w:r>
    </w:p>
    <w:p w14:paraId="405AB805" w14:textId="77777777" w:rsidR="00E911C7" w:rsidRPr="00676BE4" w:rsidRDefault="00E911C7" w:rsidP="00E911C7">
      <w:pPr>
        <w:rPr>
          <w:sz w:val="24"/>
          <w:szCs w:val="24"/>
        </w:rPr>
      </w:pPr>
      <w:r w:rsidRPr="00676BE4">
        <w:rPr>
          <w:sz w:val="24"/>
          <w:szCs w:val="24"/>
        </w:rPr>
        <w:t>The product service class allows for decoupling between the controller class and the repositories. It also allows for all objects to be handled through one class rather than needing to have a perfect knowledge of what capabilities each repository has when handlining several different entities.</w:t>
      </w:r>
    </w:p>
    <w:p w14:paraId="73527B05" w14:textId="7581BC48" w:rsidR="00E911C7" w:rsidRPr="00676BE4" w:rsidRDefault="003D5349" w:rsidP="00E911C7">
      <w:pPr>
        <w:pStyle w:val="Heading4"/>
        <w:rPr>
          <w:sz w:val="24"/>
          <w:szCs w:val="24"/>
        </w:rPr>
      </w:pPr>
      <w:r w:rsidRPr="00676BE4">
        <w:rPr>
          <w:sz w:val="24"/>
          <w:szCs w:val="24"/>
        </w:rPr>
        <w:t>Company</w:t>
      </w:r>
      <w:r w:rsidR="00E911C7" w:rsidRPr="00676BE4">
        <w:rPr>
          <w:sz w:val="24"/>
          <w:szCs w:val="24"/>
        </w:rPr>
        <w:t>Controller</w:t>
      </w:r>
    </w:p>
    <w:p w14:paraId="6BD40A8E" w14:textId="60229562" w:rsidR="00E911C7" w:rsidRPr="00676BE4" w:rsidRDefault="00E911C7" w:rsidP="00E911C7">
      <w:pPr>
        <w:rPr>
          <w:sz w:val="24"/>
          <w:szCs w:val="24"/>
        </w:rPr>
      </w:pPr>
      <w:r w:rsidRPr="00676BE4">
        <w:rPr>
          <w:sz w:val="24"/>
          <w:szCs w:val="24"/>
        </w:rPr>
        <w:t>The controller class is where all the URL mapping of the webapp is performed. When a certain URL is linked too in a view with a button or a link, a method in the product controller will be invoked using the @RequestMapping annotation. This method can perform any actions that are necessary and return a view with data passed to it, or a redirection to another page in the form of a string.</w:t>
      </w:r>
    </w:p>
    <w:p w14:paraId="40A5D3E9" w14:textId="47F1AA93" w:rsidR="00E911C7" w:rsidRPr="00676BE4" w:rsidRDefault="003D5349" w:rsidP="00E911C7">
      <w:pPr>
        <w:pStyle w:val="Heading4"/>
        <w:rPr>
          <w:sz w:val="24"/>
          <w:szCs w:val="24"/>
        </w:rPr>
      </w:pPr>
      <w:r w:rsidRPr="00676BE4">
        <w:rPr>
          <w:sz w:val="24"/>
          <w:szCs w:val="24"/>
        </w:rPr>
        <w:t>Company</w:t>
      </w:r>
    </w:p>
    <w:p w14:paraId="34BF61E5" w14:textId="48D374D3" w:rsidR="00E911C7" w:rsidRPr="00676BE4" w:rsidRDefault="00E911C7" w:rsidP="00E911C7">
      <w:pPr>
        <w:rPr>
          <w:sz w:val="24"/>
          <w:szCs w:val="24"/>
        </w:rPr>
      </w:pPr>
      <w:r w:rsidRPr="00676BE4">
        <w:rPr>
          <w:sz w:val="24"/>
          <w:szCs w:val="24"/>
        </w:rPr>
        <w:t xml:space="preserve">This class holds all the information for the </w:t>
      </w:r>
      <w:r w:rsidR="001C4B3C" w:rsidRPr="00676BE4">
        <w:rPr>
          <w:sz w:val="24"/>
          <w:szCs w:val="24"/>
        </w:rPr>
        <w:t>Companies</w:t>
      </w:r>
      <w:r w:rsidRPr="00676BE4">
        <w:rPr>
          <w:sz w:val="24"/>
          <w:szCs w:val="24"/>
        </w:rPr>
        <w:t xml:space="preserve"> within the webapp, such as </w:t>
      </w:r>
      <w:r w:rsidR="00257A2D" w:rsidRPr="00676BE4">
        <w:rPr>
          <w:sz w:val="24"/>
          <w:szCs w:val="24"/>
        </w:rPr>
        <w:t>name</w:t>
      </w:r>
      <w:r w:rsidRPr="00676BE4">
        <w:rPr>
          <w:sz w:val="24"/>
          <w:szCs w:val="24"/>
        </w:rPr>
        <w:t>,</w:t>
      </w:r>
      <w:r w:rsidR="00257A2D" w:rsidRPr="00676BE4">
        <w:rPr>
          <w:sz w:val="24"/>
          <w:szCs w:val="24"/>
        </w:rPr>
        <w:t xml:space="preserve"> ticker symbol</w:t>
      </w:r>
      <w:r w:rsidRPr="00676BE4">
        <w:rPr>
          <w:sz w:val="24"/>
          <w:szCs w:val="24"/>
        </w:rPr>
        <w:t xml:space="preserve">, </w:t>
      </w:r>
      <w:r w:rsidR="00257A2D" w:rsidRPr="00676BE4">
        <w:rPr>
          <w:sz w:val="24"/>
          <w:szCs w:val="24"/>
        </w:rPr>
        <w:t>and a list of sentiment objects</w:t>
      </w:r>
      <w:r w:rsidR="0024152E" w:rsidRPr="00676BE4">
        <w:rPr>
          <w:sz w:val="24"/>
          <w:szCs w:val="24"/>
        </w:rPr>
        <w:t xml:space="preserve"> which contains all the sentiment data and predictions that are relevant to that company</w:t>
      </w:r>
      <w:r w:rsidRPr="00676BE4">
        <w:rPr>
          <w:sz w:val="24"/>
          <w:szCs w:val="24"/>
        </w:rPr>
        <w:t xml:space="preserve">, </w:t>
      </w:r>
      <w:r w:rsidR="0024152E" w:rsidRPr="00676BE4">
        <w:rPr>
          <w:sz w:val="24"/>
          <w:szCs w:val="24"/>
        </w:rPr>
        <w:t xml:space="preserve">this list of sentiment objects is </w:t>
      </w:r>
      <w:r w:rsidR="00F00B9C" w:rsidRPr="00676BE4">
        <w:rPr>
          <w:sz w:val="24"/>
          <w:szCs w:val="24"/>
        </w:rPr>
        <w:t xml:space="preserve">implemented as a </w:t>
      </w:r>
      <w:r w:rsidR="00BF43D1" w:rsidRPr="00676BE4">
        <w:rPr>
          <w:sz w:val="24"/>
          <w:szCs w:val="24"/>
        </w:rPr>
        <w:t>join</w:t>
      </w:r>
      <w:r w:rsidR="00F00B9C" w:rsidRPr="00676BE4">
        <w:rPr>
          <w:sz w:val="24"/>
          <w:szCs w:val="24"/>
        </w:rPr>
        <w:t xml:space="preserve"> table within the database</w:t>
      </w:r>
    </w:p>
    <w:p w14:paraId="2D1B5646" w14:textId="3C4F9A2A" w:rsidR="00E911C7" w:rsidRPr="00676BE4" w:rsidRDefault="003D5349" w:rsidP="00E911C7">
      <w:pPr>
        <w:pStyle w:val="Heading4"/>
        <w:rPr>
          <w:sz w:val="24"/>
          <w:szCs w:val="24"/>
        </w:rPr>
      </w:pPr>
      <w:r w:rsidRPr="00676BE4">
        <w:rPr>
          <w:sz w:val="24"/>
          <w:szCs w:val="24"/>
        </w:rPr>
        <w:lastRenderedPageBreak/>
        <w:t>Sentiment</w:t>
      </w:r>
      <w:r w:rsidR="00E911C7" w:rsidRPr="00676BE4">
        <w:rPr>
          <w:sz w:val="24"/>
          <w:szCs w:val="24"/>
        </w:rPr>
        <w:t>:</w:t>
      </w:r>
    </w:p>
    <w:p w14:paraId="2BA62DA1" w14:textId="3A35937E" w:rsidR="00CA2A0B" w:rsidRPr="00676BE4" w:rsidRDefault="00E911C7" w:rsidP="00E911C7">
      <w:pPr>
        <w:rPr>
          <w:sz w:val="24"/>
          <w:szCs w:val="24"/>
        </w:rPr>
      </w:pPr>
      <w:r w:rsidRPr="00676BE4">
        <w:rPr>
          <w:sz w:val="24"/>
          <w:szCs w:val="24"/>
        </w:rPr>
        <w:t xml:space="preserve">This class holds all the information for the </w:t>
      </w:r>
      <w:r w:rsidR="00F00B9C" w:rsidRPr="00676BE4">
        <w:rPr>
          <w:sz w:val="24"/>
          <w:szCs w:val="24"/>
        </w:rPr>
        <w:t>sentiment data</w:t>
      </w:r>
      <w:r w:rsidRPr="00676BE4">
        <w:rPr>
          <w:sz w:val="24"/>
          <w:szCs w:val="24"/>
        </w:rPr>
        <w:t xml:space="preserve"> within the webapp, such as their </w:t>
      </w:r>
      <w:r w:rsidR="00F00B9C" w:rsidRPr="00676BE4">
        <w:rPr>
          <w:sz w:val="24"/>
          <w:szCs w:val="24"/>
        </w:rPr>
        <w:t>the date it was created</w:t>
      </w:r>
      <w:r w:rsidRPr="00676BE4">
        <w:rPr>
          <w:sz w:val="24"/>
          <w:szCs w:val="24"/>
        </w:rPr>
        <w:t xml:space="preserve">,  </w:t>
      </w:r>
      <w:r w:rsidR="008D7862" w:rsidRPr="00676BE4">
        <w:rPr>
          <w:sz w:val="24"/>
          <w:szCs w:val="24"/>
        </w:rPr>
        <w:t xml:space="preserve">the change in the </w:t>
      </w:r>
      <w:r w:rsidR="00453BCA" w:rsidRPr="00676BE4">
        <w:rPr>
          <w:sz w:val="24"/>
          <w:szCs w:val="24"/>
        </w:rPr>
        <w:t>company’s</w:t>
      </w:r>
      <w:r w:rsidR="008D7862" w:rsidRPr="00676BE4">
        <w:rPr>
          <w:sz w:val="24"/>
          <w:szCs w:val="24"/>
        </w:rPr>
        <w:t xml:space="preserve"> value </w:t>
      </w:r>
      <w:r w:rsidR="00CC01AC" w:rsidRPr="00676BE4">
        <w:rPr>
          <w:sz w:val="24"/>
          <w:szCs w:val="24"/>
        </w:rPr>
        <w:t xml:space="preserve">change that the neural network believes this sentiment will cause in the </w:t>
      </w:r>
      <w:r w:rsidR="00453BCA" w:rsidRPr="00676BE4">
        <w:rPr>
          <w:sz w:val="24"/>
          <w:szCs w:val="24"/>
        </w:rPr>
        <w:t>company’s</w:t>
      </w:r>
      <w:r w:rsidR="00CC01AC" w:rsidRPr="00676BE4">
        <w:rPr>
          <w:sz w:val="24"/>
          <w:szCs w:val="24"/>
        </w:rPr>
        <w:t xml:space="preserve"> value</w:t>
      </w:r>
      <w:r w:rsidRPr="00676BE4">
        <w:rPr>
          <w:sz w:val="24"/>
          <w:szCs w:val="24"/>
        </w:rPr>
        <w:t xml:space="preserve">, and </w:t>
      </w:r>
      <w:r w:rsidR="00CC01AC" w:rsidRPr="00676BE4">
        <w:rPr>
          <w:sz w:val="24"/>
          <w:szCs w:val="24"/>
        </w:rPr>
        <w:t>of</w:t>
      </w:r>
      <w:r w:rsidR="00453BCA" w:rsidRPr="00676BE4">
        <w:rPr>
          <w:sz w:val="24"/>
          <w:szCs w:val="24"/>
        </w:rPr>
        <w:t xml:space="preserve"> </w:t>
      </w:r>
      <w:r w:rsidR="00CC01AC" w:rsidRPr="00676BE4">
        <w:rPr>
          <w:sz w:val="24"/>
          <w:szCs w:val="24"/>
        </w:rPr>
        <w:t>course, the sentiment data itself; such as the tweets and article</w:t>
      </w:r>
      <w:r w:rsidR="007E61C8" w:rsidRPr="00676BE4">
        <w:rPr>
          <w:sz w:val="24"/>
          <w:szCs w:val="24"/>
        </w:rPr>
        <w:t xml:space="preserve"> that have been </w:t>
      </w:r>
      <w:r w:rsidR="00453BCA" w:rsidRPr="00676BE4">
        <w:rPr>
          <w:sz w:val="24"/>
          <w:szCs w:val="24"/>
        </w:rPr>
        <w:t>analysed</w:t>
      </w:r>
      <w:r w:rsidR="007E61C8" w:rsidRPr="00676BE4">
        <w:rPr>
          <w:sz w:val="24"/>
          <w:szCs w:val="24"/>
        </w:rPr>
        <w:t>.</w:t>
      </w:r>
    </w:p>
    <w:p w14:paraId="1A9FEBBA" w14:textId="23CE062A" w:rsidR="00CA2A0B" w:rsidRPr="00676BE4" w:rsidRDefault="00CA2A0B" w:rsidP="00CA2A0B">
      <w:pPr>
        <w:pStyle w:val="Heading4"/>
        <w:rPr>
          <w:sz w:val="24"/>
          <w:szCs w:val="24"/>
        </w:rPr>
      </w:pPr>
      <w:r w:rsidRPr="00676BE4">
        <w:rPr>
          <w:sz w:val="24"/>
          <w:szCs w:val="24"/>
        </w:rPr>
        <w:t>User</w:t>
      </w:r>
      <w:r w:rsidRPr="00676BE4">
        <w:rPr>
          <w:sz w:val="24"/>
          <w:szCs w:val="24"/>
        </w:rPr>
        <w:t>:</w:t>
      </w:r>
    </w:p>
    <w:p w14:paraId="768CFEDE" w14:textId="34CED809" w:rsidR="00E911C7" w:rsidRPr="009522C5" w:rsidRDefault="00CA2A0B" w:rsidP="00D34A48">
      <w:pPr>
        <w:rPr>
          <w:sz w:val="24"/>
          <w:szCs w:val="24"/>
        </w:rPr>
      </w:pPr>
      <w:r w:rsidRPr="00676BE4">
        <w:rPr>
          <w:sz w:val="24"/>
          <w:szCs w:val="24"/>
        </w:rPr>
        <w:t>This object class represents the</w:t>
      </w:r>
      <w:r w:rsidR="00307E6F" w:rsidRPr="00676BE4">
        <w:rPr>
          <w:sz w:val="24"/>
          <w:szCs w:val="24"/>
        </w:rPr>
        <w:t xml:space="preserve"> User who create</w:t>
      </w:r>
      <w:r w:rsidR="00FC0E4B" w:rsidRPr="00676BE4">
        <w:rPr>
          <w:sz w:val="24"/>
          <w:szCs w:val="24"/>
        </w:rPr>
        <w:t xml:space="preserve">s their </w:t>
      </w:r>
      <w:r w:rsidR="00A22643" w:rsidRPr="00676BE4">
        <w:rPr>
          <w:sz w:val="24"/>
          <w:szCs w:val="24"/>
        </w:rPr>
        <w:t>account and</w:t>
      </w:r>
      <w:r w:rsidR="00FC0E4B" w:rsidRPr="00676BE4">
        <w:rPr>
          <w:sz w:val="24"/>
          <w:szCs w:val="24"/>
        </w:rPr>
        <w:t xml:space="preserve"> interacts </w:t>
      </w:r>
      <w:r w:rsidR="00A22643" w:rsidRPr="00676BE4">
        <w:rPr>
          <w:sz w:val="24"/>
          <w:szCs w:val="24"/>
        </w:rPr>
        <w:t>with</w:t>
      </w:r>
      <w:r w:rsidR="00FC0E4B" w:rsidRPr="00676BE4">
        <w:rPr>
          <w:sz w:val="24"/>
          <w:szCs w:val="24"/>
        </w:rPr>
        <w:t xml:space="preserve"> the system through the webpage. The only information this class </w:t>
      </w:r>
      <w:r w:rsidR="00A22643" w:rsidRPr="00676BE4">
        <w:rPr>
          <w:sz w:val="24"/>
          <w:szCs w:val="24"/>
        </w:rPr>
        <w:t>currently</w:t>
      </w:r>
      <w:r w:rsidR="00FC0E4B" w:rsidRPr="00676BE4">
        <w:rPr>
          <w:sz w:val="24"/>
          <w:szCs w:val="24"/>
        </w:rPr>
        <w:t xml:space="preserve"> hold</w:t>
      </w:r>
      <w:r w:rsidR="004D3552" w:rsidRPr="00676BE4">
        <w:rPr>
          <w:sz w:val="24"/>
          <w:szCs w:val="24"/>
        </w:rPr>
        <w:t>s is the users name and password</w:t>
      </w:r>
      <w:r w:rsidR="00A92157" w:rsidRPr="00676BE4">
        <w:rPr>
          <w:sz w:val="24"/>
          <w:szCs w:val="24"/>
        </w:rPr>
        <w:t xml:space="preserve">. The class also contains a list of companies, </w:t>
      </w:r>
      <w:r w:rsidR="006967A5" w:rsidRPr="00676BE4">
        <w:rPr>
          <w:sz w:val="24"/>
          <w:szCs w:val="24"/>
        </w:rPr>
        <w:t xml:space="preserve">to facilitate a user following the companies that they are most interested </w:t>
      </w:r>
      <w:r w:rsidR="00A22643" w:rsidRPr="00676BE4">
        <w:rPr>
          <w:sz w:val="24"/>
          <w:szCs w:val="24"/>
        </w:rPr>
        <w:t>in and</w:t>
      </w:r>
      <w:r w:rsidR="006967A5" w:rsidRPr="00676BE4">
        <w:rPr>
          <w:sz w:val="24"/>
          <w:szCs w:val="24"/>
        </w:rPr>
        <w:t xml:space="preserve"> adding these companies to a list</w:t>
      </w:r>
      <w:r w:rsidR="00420D06" w:rsidRPr="00676BE4">
        <w:rPr>
          <w:sz w:val="24"/>
          <w:szCs w:val="24"/>
        </w:rPr>
        <w:t xml:space="preserve"> so that they do not have to search for them every time they visit. This functionality is un</w:t>
      </w:r>
      <w:r w:rsidR="00A22643" w:rsidRPr="00676BE4">
        <w:rPr>
          <w:sz w:val="24"/>
          <w:szCs w:val="24"/>
        </w:rPr>
        <w:t>implemented at the current time; however, it acts as a place holder for a wide range of functionality that can be added to the system in the future.</w:t>
      </w:r>
    </w:p>
    <w:p w14:paraId="044CDF96" w14:textId="77777777" w:rsidR="008D60B9" w:rsidRDefault="008D60B9" w:rsidP="00730153">
      <w:pPr>
        <w:pStyle w:val="Heading1"/>
      </w:pPr>
    </w:p>
    <w:p w14:paraId="32EFFCE5" w14:textId="504ABF8D" w:rsidR="008D60B9" w:rsidRDefault="00F7706A" w:rsidP="00F7706A">
      <w:pPr>
        <w:pStyle w:val="Heading2"/>
      </w:pPr>
      <w:r>
        <w:t>User Experience</w:t>
      </w:r>
    </w:p>
    <w:p w14:paraId="4AE178D7" w14:textId="4D3010F5" w:rsidR="008D60B9" w:rsidRPr="00F45E13" w:rsidRDefault="00F45E13" w:rsidP="005F7F12">
      <w:pPr>
        <w:rPr>
          <w:sz w:val="24"/>
          <w:szCs w:val="24"/>
        </w:rPr>
      </w:pPr>
      <w:r>
        <w:rPr>
          <w:sz w:val="24"/>
          <w:szCs w:val="24"/>
        </w:rPr>
        <w:t>When a new user first encounters the site, they will be met with this page:</w:t>
      </w:r>
      <w:r w:rsidR="00485112">
        <w:rPr>
          <w:noProof/>
          <w:sz w:val="24"/>
          <w:szCs w:val="24"/>
        </w:rPr>
        <w:drawing>
          <wp:inline distT="0" distB="0" distL="0" distR="0" wp14:anchorId="2EBBFB59" wp14:editId="3BCB64E5">
            <wp:extent cx="6437630" cy="1592580"/>
            <wp:effectExtent l="0" t="0" r="1270" b="762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34" cstate="print">
                      <a:extLst>
                        <a:ext uri="{28A0092B-C50C-407E-A947-70E740481C1C}">
                          <a14:useLocalDpi xmlns:a14="http://schemas.microsoft.com/office/drawing/2010/main" val="0"/>
                        </a:ext>
                      </a:extLst>
                    </a:blip>
                    <a:srcRect/>
                    <a:stretch>
                      <a:fillRect/>
                    </a:stretch>
                  </pic:blipFill>
                  <pic:spPr bwMode="auto">
                    <a:xfrm>
                      <a:off x="0" y="0"/>
                      <a:ext cx="6450129" cy="1595672"/>
                    </a:xfrm>
                    <a:prstGeom prst="rect">
                      <a:avLst/>
                    </a:prstGeom>
                    <a:noFill/>
                    <a:ln>
                      <a:noFill/>
                    </a:ln>
                  </pic:spPr>
                </pic:pic>
              </a:graphicData>
            </a:graphic>
          </wp:inline>
        </w:drawing>
      </w:r>
    </w:p>
    <w:p w14:paraId="728D67E7" w14:textId="7C184489" w:rsidR="008D60B9" w:rsidRDefault="00491A00" w:rsidP="00485112">
      <w:pPr>
        <w:rPr>
          <w:sz w:val="24"/>
          <w:szCs w:val="24"/>
        </w:rPr>
      </w:pPr>
      <w:r>
        <w:rPr>
          <w:sz w:val="24"/>
          <w:szCs w:val="24"/>
        </w:rPr>
        <w:t>Where they will be prompted to create</w:t>
      </w:r>
      <w:r w:rsidR="008C2C1A">
        <w:rPr>
          <w:sz w:val="24"/>
          <w:szCs w:val="24"/>
        </w:rPr>
        <w:t xml:space="preserve"> an account or login if they have one</w:t>
      </w:r>
    </w:p>
    <w:p w14:paraId="39943CBC" w14:textId="77777777" w:rsidR="00E363E2" w:rsidRDefault="00E326D0" w:rsidP="00485112">
      <w:pPr>
        <w:rPr>
          <w:sz w:val="24"/>
          <w:szCs w:val="24"/>
        </w:rPr>
      </w:pPr>
      <w:r>
        <w:rPr>
          <w:sz w:val="24"/>
          <w:szCs w:val="24"/>
        </w:rPr>
        <w:t>If they click on the “Create Account” button they will be redirected to this page:</w:t>
      </w:r>
    </w:p>
    <w:p w14:paraId="7AD40BA4" w14:textId="77777777" w:rsidR="00E363E2" w:rsidRDefault="00E363E2" w:rsidP="00485112">
      <w:pPr>
        <w:rPr>
          <w:sz w:val="24"/>
          <w:szCs w:val="24"/>
        </w:rPr>
      </w:pPr>
    </w:p>
    <w:p w14:paraId="4A0A3DC5" w14:textId="284F7AB1" w:rsidR="00315026" w:rsidRDefault="00E363E2" w:rsidP="00485112">
      <w:pPr>
        <w:rPr>
          <w:sz w:val="24"/>
          <w:szCs w:val="24"/>
        </w:rPr>
      </w:pPr>
      <w:r>
        <w:rPr>
          <w:noProof/>
          <w:sz w:val="24"/>
          <w:szCs w:val="24"/>
        </w:rPr>
        <w:drawing>
          <wp:inline distT="0" distB="0" distL="0" distR="0" wp14:anchorId="236CB7AA" wp14:editId="1635C83D">
            <wp:extent cx="6468745" cy="1272540"/>
            <wp:effectExtent l="0" t="0" r="8255" b="381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6482028" cy="1275153"/>
                    </a:xfrm>
                    <a:prstGeom prst="rect">
                      <a:avLst/>
                    </a:prstGeom>
                    <a:noFill/>
                    <a:ln>
                      <a:noFill/>
                    </a:ln>
                  </pic:spPr>
                </pic:pic>
              </a:graphicData>
            </a:graphic>
          </wp:inline>
        </w:drawing>
      </w:r>
    </w:p>
    <w:p w14:paraId="0C22AA6D" w14:textId="57DEF3B7" w:rsidR="00E363E2" w:rsidRDefault="00E363E2" w:rsidP="00485112">
      <w:pPr>
        <w:rPr>
          <w:sz w:val="24"/>
          <w:szCs w:val="24"/>
        </w:rPr>
      </w:pPr>
      <w:r>
        <w:rPr>
          <w:sz w:val="24"/>
          <w:szCs w:val="24"/>
        </w:rPr>
        <w:t xml:space="preserve">Where they can enter a username and password </w:t>
      </w:r>
      <w:r w:rsidR="00AD3835">
        <w:rPr>
          <w:sz w:val="24"/>
          <w:szCs w:val="24"/>
        </w:rPr>
        <w:t>that will be stored in the systems database.</w:t>
      </w:r>
    </w:p>
    <w:p w14:paraId="1F3894E4" w14:textId="4A3AA16D" w:rsidR="00AD3835" w:rsidRDefault="00AD3835" w:rsidP="00485112">
      <w:pPr>
        <w:rPr>
          <w:sz w:val="24"/>
          <w:szCs w:val="24"/>
        </w:rPr>
      </w:pPr>
    </w:p>
    <w:p w14:paraId="464FABD6" w14:textId="77777777" w:rsidR="00F57553" w:rsidRDefault="00F57553" w:rsidP="00485112">
      <w:pPr>
        <w:rPr>
          <w:sz w:val="24"/>
          <w:szCs w:val="24"/>
        </w:rPr>
      </w:pPr>
    </w:p>
    <w:p w14:paraId="2586D337" w14:textId="5A741F9C" w:rsidR="00AD3835" w:rsidRPr="00485112" w:rsidRDefault="00AD3835" w:rsidP="00485112">
      <w:pPr>
        <w:rPr>
          <w:sz w:val="24"/>
          <w:szCs w:val="24"/>
        </w:rPr>
      </w:pPr>
      <w:r>
        <w:rPr>
          <w:sz w:val="24"/>
          <w:szCs w:val="24"/>
        </w:rPr>
        <w:lastRenderedPageBreak/>
        <w:t xml:space="preserve">If the user already </w:t>
      </w:r>
      <w:r w:rsidR="00104D5A">
        <w:rPr>
          <w:sz w:val="24"/>
          <w:szCs w:val="24"/>
        </w:rPr>
        <w:t>has an account, and choose to login instead, they will be brought to the company index page</w:t>
      </w:r>
      <w:r w:rsidR="000E154D">
        <w:rPr>
          <w:sz w:val="24"/>
          <w:szCs w:val="24"/>
        </w:rPr>
        <w:t>:</w:t>
      </w:r>
    </w:p>
    <w:p w14:paraId="3C305898" w14:textId="31844049" w:rsidR="008D60B9" w:rsidRDefault="00F4468B" w:rsidP="00730153">
      <w:pPr>
        <w:pStyle w:val="Heading1"/>
      </w:pPr>
      <w:r>
        <w:rPr>
          <w:noProof/>
        </w:rPr>
        <w:drawing>
          <wp:inline distT="0" distB="0" distL="0" distR="0" wp14:anchorId="76F70877" wp14:editId="27CAFE23">
            <wp:extent cx="5722620" cy="3360420"/>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pic:cNvPicPr>
                      <a:picLocks noChangeAspect="1" noChangeArrowheads="1"/>
                    </pic:cNvPicPr>
                  </pic:nvPicPr>
                  <pic:blipFill>
                    <a:blip r:embed="rId36" cstate="print">
                      <a:extLst>
                        <a:ext uri="{28A0092B-C50C-407E-A947-70E740481C1C}">
                          <a14:useLocalDpi xmlns:a14="http://schemas.microsoft.com/office/drawing/2010/main" val="0"/>
                        </a:ext>
                      </a:extLst>
                    </a:blip>
                    <a:srcRect/>
                    <a:stretch>
                      <a:fillRect/>
                    </a:stretch>
                  </pic:blipFill>
                  <pic:spPr bwMode="auto">
                    <a:xfrm>
                      <a:off x="0" y="0"/>
                      <a:ext cx="5722620" cy="3360420"/>
                    </a:xfrm>
                    <a:prstGeom prst="rect">
                      <a:avLst/>
                    </a:prstGeom>
                    <a:noFill/>
                    <a:ln>
                      <a:noFill/>
                    </a:ln>
                  </pic:spPr>
                </pic:pic>
              </a:graphicData>
            </a:graphic>
          </wp:inline>
        </w:drawing>
      </w:r>
    </w:p>
    <w:p w14:paraId="58ABEA76" w14:textId="77777777" w:rsidR="008D60B9" w:rsidRDefault="008D60B9" w:rsidP="00730153">
      <w:pPr>
        <w:pStyle w:val="Heading1"/>
      </w:pPr>
    </w:p>
    <w:p w14:paraId="1F2BE7EB" w14:textId="17D17D85" w:rsidR="008D60B9" w:rsidRDefault="00F4468B" w:rsidP="00F4468B">
      <w:pPr>
        <w:rPr>
          <w:sz w:val="24"/>
          <w:szCs w:val="24"/>
        </w:rPr>
      </w:pPr>
      <w:r>
        <w:rPr>
          <w:sz w:val="24"/>
          <w:szCs w:val="24"/>
        </w:rPr>
        <w:t>Where they can view all available companies</w:t>
      </w:r>
      <w:r w:rsidR="008D017D">
        <w:rPr>
          <w:sz w:val="24"/>
          <w:szCs w:val="24"/>
        </w:rPr>
        <w:t>, and search for any in particular</w:t>
      </w:r>
      <w:r w:rsidR="00456E29">
        <w:rPr>
          <w:sz w:val="24"/>
          <w:szCs w:val="24"/>
        </w:rPr>
        <w:t>.</w:t>
      </w:r>
    </w:p>
    <w:p w14:paraId="5AC91069" w14:textId="5372F1FD" w:rsidR="00456E29" w:rsidRDefault="00456E29" w:rsidP="00F4468B">
      <w:pPr>
        <w:rPr>
          <w:sz w:val="24"/>
          <w:szCs w:val="24"/>
        </w:rPr>
      </w:pPr>
      <w:r>
        <w:rPr>
          <w:sz w:val="24"/>
          <w:szCs w:val="24"/>
        </w:rPr>
        <w:t xml:space="preserve">From here they can click into any company that they are interested in, and be brought to a page with that </w:t>
      </w:r>
      <w:r w:rsidR="00AD71EC">
        <w:rPr>
          <w:sz w:val="24"/>
          <w:szCs w:val="24"/>
        </w:rPr>
        <w:t>companies’</w:t>
      </w:r>
      <w:r>
        <w:rPr>
          <w:sz w:val="24"/>
          <w:szCs w:val="24"/>
        </w:rPr>
        <w:t xml:space="preserve"> details:</w:t>
      </w:r>
    </w:p>
    <w:p w14:paraId="6B32A27C" w14:textId="7BBA5E62" w:rsidR="00CA0410" w:rsidRDefault="00AD71EC" w:rsidP="00F4468B">
      <w:pPr>
        <w:rPr>
          <w:sz w:val="24"/>
          <w:szCs w:val="24"/>
        </w:rPr>
      </w:pPr>
      <w:r>
        <w:rPr>
          <w:noProof/>
          <w:sz w:val="24"/>
          <w:szCs w:val="24"/>
        </w:rPr>
        <w:drawing>
          <wp:inline distT="0" distB="0" distL="0" distR="0" wp14:anchorId="139D53E7" wp14:editId="4E1F0A34">
            <wp:extent cx="5791200" cy="320802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37" cstate="print">
                      <a:extLst>
                        <a:ext uri="{28A0092B-C50C-407E-A947-70E740481C1C}">
                          <a14:useLocalDpi xmlns:a14="http://schemas.microsoft.com/office/drawing/2010/main" val="0"/>
                        </a:ext>
                      </a:extLst>
                    </a:blip>
                    <a:srcRect/>
                    <a:stretch>
                      <a:fillRect/>
                    </a:stretch>
                  </pic:blipFill>
                  <pic:spPr bwMode="auto">
                    <a:xfrm>
                      <a:off x="0" y="0"/>
                      <a:ext cx="5791200" cy="3208020"/>
                    </a:xfrm>
                    <a:prstGeom prst="rect">
                      <a:avLst/>
                    </a:prstGeom>
                    <a:noFill/>
                    <a:ln>
                      <a:noFill/>
                    </a:ln>
                  </pic:spPr>
                </pic:pic>
              </a:graphicData>
            </a:graphic>
          </wp:inline>
        </w:drawing>
      </w:r>
    </w:p>
    <w:p w14:paraId="37C3CFE3" w14:textId="6E0AFBB9" w:rsidR="00AD71EC" w:rsidRDefault="00AD71EC" w:rsidP="00F4468B">
      <w:pPr>
        <w:rPr>
          <w:sz w:val="24"/>
          <w:szCs w:val="24"/>
        </w:rPr>
      </w:pPr>
    </w:p>
    <w:p w14:paraId="3667D441" w14:textId="3531CF89" w:rsidR="00AD71EC" w:rsidRDefault="00A34F88" w:rsidP="00F4468B">
      <w:pPr>
        <w:rPr>
          <w:sz w:val="24"/>
          <w:szCs w:val="24"/>
        </w:rPr>
      </w:pPr>
      <w:r>
        <w:rPr>
          <w:sz w:val="24"/>
          <w:szCs w:val="24"/>
        </w:rPr>
        <w:lastRenderedPageBreak/>
        <w:t>As mentioned</w:t>
      </w:r>
      <w:r w:rsidR="007166CC">
        <w:rPr>
          <w:sz w:val="24"/>
          <w:szCs w:val="24"/>
        </w:rPr>
        <w:t xml:space="preserve"> above, the design of the website is </w:t>
      </w:r>
      <w:r w:rsidR="00356D6A">
        <w:rPr>
          <w:sz w:val="24"/>
          <w:szCs w:val="24"/>
        </w:rPr>
        <w:t>minimalistic</w:t>
      </w:r>
      <w:r w:rsidR="007166CC">
        <w:rPr>
          <w:sz w:val="24"/>
          <w:szCs w:val="24"/>
        </w:rPr>
        <w:t xml:space="preserve"> by choice, so a</w:t>
      </w:r>
      <w:r w:rsidR="005755E4">
        <w:rPr>
          <w:sz w:val="24"/>
          <w:szCs w:val="24"/>
        </w:rPr>
        <w:t xml:space="preserve">s to not overload the user with information. Newcomers to the world of trading are usually put-off by the shear amount of information that is thrown at them by other similar services, and how little they comprehend, or have the ability to analyse this information. </w:t>
      </w:r>
    </w:p>
    <w:p w14:paraId="575AC290" w14:textId="62295DEA" w:rsidR="005755E4" w:rsidRPr="00F4468B" w:rsidRDefault="005755E4" w:rsidP="00F4468B">
      <w:pPr>
        <w:rPr>
          <w:sz w:val="24"/>
          <w:szCs w:val="24"/>
        </w:rPr>
      </w:pPr>
      <w:r>
        <w:rPr>
          <w:sz w:val="24"/>
          <w:szCs w:val="24"/>
        </w:rPr>
        <w:t>Plutocrat instead, offers a sleek experience</w:t>
      </w:r>
      <w:r w:rsidR="00111615">
        <w:rPr>
          <w:sz w:val="24"/>
          <w:szCs w:val="24"/>
        </w:rPr>
        <w:t xml:space="preserve">, where people of all experience levels can seek straight forward, and easy to understand </w:t>
      </w:r>
      <w:r w:rsidR="00356D6A">
        <w:rPr>
          <w:sz w:val="24"/>
          <w:szCs w:val="24"/>
        </w:rPr>
        <w:t>guidance concerning their investment strategies.</w:t>
      </w:r>
    </w:p>
    <w:p w14:paraId="56CA3B2E" w14:textId="77777777" w:rsidR="008D60B9" w:rsidRDefault="008D60B9" w:rsidP="00730153">
      <w:pPr>
        <w:pStyle w:val="Heading1"/>
      </w:pPr>
    </w:p>
    <w:p w14:paraId="59856D1D" w14:textId="77777777" w:rsidR="008D60B9" w:rsidRDefault="008D60B9" w:rsidP="00730153">
      <w:pPr>
        <w:pStyle w:val="Heading1"/>
      </w:pPr>
    </w:p>
    <w:p w14:paraId="1E6ED79D" w14:textId="6804D4D0" w:rsidR="008D60B9" w:rsidRDefault="008D60B9" w:rsidP="00730153">
      <w:pPr>
        <w:pStyle w:val="Heading1"/>
      </w:pPr>
    </w:p>
    <w:p w14:paraId="1C65249A" w14:textId="6F39F724" w:rsidR="00356D6A" w:rsidRDefault="00356D6A" w:rsidP="00356D6A"/>
    <w:p w14:paraId="1DCB200F" w14:textId="0DD02C67" w:rsidR="00356D6A" w:rsidRDefault="00356D6A" w:rsidP="00356D6A"/>
    <w:p w14:paraId="06441B60" w14:textId="7DDAEEF0" w:rsidR="00356D6A" w:rsidRDefault="00356D6A" w:rsidP="00356D6A"/>
    <w:p w14:paraId="530D6ED0" w14:textId="456104B1" w:rsidR="00356D6A" w:rsidRDefault="00356D6A" w:rsidP="00356D6A"/>
    <w:p w14:paraId="35FDE00E" w14:textId="6789462F" w:rsidR="00356D6A" w:rsidRDefault="00356D6A" w:rsidP="00356D6A"/>
    <w:p w14:paraId="185675C2" w14:textId="47F0508B" w:rsidR="00356D6A" w:rsidRDefault="00356D6A" w:rsidP="00356D6A"/>
    <w:p w14:paraId="694EBFC2" w14:textId="0D1F5876" w:rsidR="00356D6A" w:rsidRDefault="00356D6A" w:rsidP="00356D6A"/>
    <w:p w14:paraId="06915853" w14:textId="10F61723" w:rsidR="00356D6A" w:rsidRDefault="00356D6A" w:rsidP="00356D6A"/>
    <w:p w14:paraId="4BE248EB" w14:textId="431449D8" w:rsidR="00356D6A" w:rsidRDefault="00356D6A" w:rsidP="00356D6A"/>
    <w:p w14:paraId="7C61C193" w14:textId="4D4C2A00" w:rsidR="00356D6A" w:rsidRDefault="00356D6A" w:rsidP="00356D6A"/>
    <w:p w14:paraId="7DF416BE" w14:textId="18196193" w:rsidR="00356D6A" w:rsidRDefault="00356D6A" w:rsidP="00356D6A"/>
    <w:p w14:paraId="20C10345" w14:textId="27A730C1" w:rsidR="00356D6A" w:rsidRDefault="00356D6A" w:rsidP="00356D6A"/>
    <w:p w14:paraId="540628EA" w14:textId="0B5C79D2" w:rsidR="00356D6A" w:rsidRDefault="00356D6A" w:rsidP="00356D6A"/>
    <w:p w14:paraId="75BA1479" w14:textId="7EB06615" w:rsidR="00356D6A" w:rsidRDefault="00356D6A" w:rsidP="00356D6A"/>
    <w:p w14:paraId="504924D8" w14:textId="21175DFE" w:rsidR="00356D6A" w:rsidRDefault="00356D6A" w:rsidP="00356D6A"/>
    <w:p w14:paraId="187DA5DA" w14:textId="27506819" w:rsidR="00356D6A" w:rsidRDefault="00356D6A" w:rsidP="00356D6A"/>
    <w:p w14:paraId="52B660FF" w14:textId="77777777" w:rsidR="00356D6A" w:rsidRPr="00356D6A" w:rsidRDefault="00356D6A" w:rsidP="00356D6A"/>
    <w:p w14:paraId="0EFED128" w14:textId="7F7260A3" w:rsidR="008D60B9" w:rsidRDefault="008D60B9" w:rsidP="00730153">
      <w:pPr>
        <w:pStyle w:val="Heading1"/>
      </w:pPr>
    </w:p>
    <w:p w14:paraId="61F25A74" w14:textId="2984FD1E" w:rsidR="008D60B9" w:rsidRDefault="008D60B9" w:rsidP="008D60B9"/>
    <w:p w14:paraId="6DEF2DBB" w14:textId="77777777" w:rsidR="008D60B9" w:rsidRPr="008D60B9" w:rsidRDefault="008D60B9" w:rsidP="008D60B9"/>
    <w:p w14:paraId="38159D3F" w14:textId="07778390" w:rsidR="00730153" w:rsidRDefault="00ED0B71" w:rsidP="00730153">
      <w:pPr>
        <w:pStyle w:val="Heading1"/>
      </w:pPr>
      <w:r>
        <w:lastRenderedPageBreak/>
        <w:t>Obstacles and setbacks</w:t>
      </w:r>
    </w:p>
    <w:p w14:paraId="60A838DF" w14:textId="55BE2E4E" w:rsidR="00ED1DB9" w:rsidRDefault="00ED1DB9" w:rsidP="00ED1DB9">
      <w:pPr>
        <w:rPr>
          <w:sz w:val="24"/>
          <w:szCs w:val="24"/>
        </w:rPr>
      </w:pPr>
      <w:r>
        <w:rPr>
          <w:sz w:val="24"/>
          <w:szCs w:val="24"/>
        </w:rPr>
        <w:t xml:space="preserve">This project was </w:t>
      </w:r>
      <w:r w:rsidR="00D03175">
        <w:rPr>
          <w:sz w:val="24"/>
          <w:szCs w:val="24"/>
        </w:rPr>
        <w:t>very ambitious from the beginning, perhaps overly so</w:t>
      </w:r>
      <w:r w:rsidR="00456E38">
        <w:rPr>
          <w:sz w:val="24"/>
          <w:szCs w:val="24"/>
        </w:rPr>
        <w:t xml:space="preserve">. I wanted to create something that was not only genuinely useful, but also challenged me. </w:t>
      </w:r>
      <w:r w:rsidR="00E938BD">
        <w:rPr>
          <w:sz w:val="24"/>
          <w:szCs w:val="24"/>
        </w:rPr>
        <w:t xml:space="preserve">The largest </w:t>
      </w:r>
      <w:r w:rsidR="00907468">
        <w:rPr>
          <w:sz w:val="24"/>
          <w:szCs w:val="24"/>
        </w:rPr>
        <w:t>obstacle</w:t>
      </w:r>
      <w:r w:rsidR="00E938BD">
        <w:rPr>
          <w:sz w:val="24"/>
          <w:szCs w:val="24"/>
        </w:rPr>
        <w:t xml:space="preserve"> in the creation of Plutocrat </w:t>
      </w:r>
      <w:r w:rsidR="00907468">
        <w:rPr>
          <w:sz w:val="24"/>
          <w:szCs w:val="24"/>
        </w:rPr>
        <w:t>wa</w:t>
      </w:r>
      <w:r w:rsidR="00E1234F">
        <w:rPr>
          <w:sz w:val="24"/>
          <w:szCs w:val="24"/>
        </w:rPr>
        <w:t>s</w:t>
      </w:r>
      <w:r w:rsidR="00907468">
        <w:rPr>
          <w:sz w:val="24"/>
          <w:szCs w:val="24"/>
        </w:rPr>
        <w:t xml:space="preserve"> the sheer amount of self-education that I needed to perform in order to create</w:t>
      </w:r>
      <w:r w:rsidR="00E1234F">
        <w:rPr>
          <w:sz w:val="24"/>
          <w:szCs w:val="24"/>
        </w:rPr>
        <w:t xml:space="preserve"> a project even close to my original vision.</w:t>
      </w:r>
      <w:r w:rsidR="00D24803">
        <w:rPr>
          <w:sz w:val="24"/>
          <w:szCs w:val="24"/>
        </w:rPr>
        <w:t xml:space="preserve"> Though there </w:t>
      </w:r>
      <w:r w:rsidR="000F3FB6">
        <w:rPr>
          <w:sz w:val="24"/>
          <w:szCs w:val="24"/>
        </w:rPr>
        <w:t>were</w:t>
      </w:r>
      <w:r w:rsidR="00D24803">
        <w:rPr>
          <w:sz w:val="24"/>
          <w:szCs w:val="24"/>
        </w:rPr>
        <w:t xml:space="preserve"> elements of Plutocrats implementation that I was able to </w:t>
      </w:r>
      <w:r w:rsidR="00C546A3">
        <w:rPr>
          <w:sz w:val="24"/>
          <w:szCs w:val="24"/>
        </w:rPr>
        <w:t xml:space="preserve">complete by expanding directly on what I learned during my course, such as; </w:t>
      </w:r>
      <w:r w:rsidR="005E279C">
        <w:rPr>
          <w:sz w:val="24"/>
          <w:szCs w:val="24"/>
        </w:rPr>
        <w:t xml:space="preserve">JSOUP and Hibernate ORM; a huge amount of the </w:t>
      </w:r>
      <w:r w:rsidR="00B92A70">
        <w:rPr>
          <w:sz w:val="24"/>
          <w:szCs w:val="24"/>
        </w:rPr>
        <w:t>functionality of the project was built completely from scratch, without any prior knowledge of the technologies</w:t>
      </w:r>
      <w:r w:rsidR="00BC5268">
        <w:rPr>
          <w:sz w:val="24"/>
          <w:szCs w:val="24"/>
        </w:rPr>
        <w:t xml:space="preserve">, and with </w:t>
      </w:r>
      <w:r w:rsidR="00C42CE2">
        <w:rPr>
          <w:sz w:val="24"/>
          <w:szCs w:val="24"/>
        </w:rPr>
        <w:t>comparatively little input from outside help.</w:t>
      </w:r>
    </w:p>
    <w:p w14:paraId="7C03415F" w14:textId="05785155" w:rsidR="00EA3EB1" w:rsidRDefault="00EA3EB1" w:rsidP="00ED1DB9">
      <w:pPr>
        <w:rPr>
          <w:sz w:val="24"/>
          <w:szCs w:val="24"/>
        </w:rPr>
      </w:pPr>
      <w:r>
        <w:rPr>
          <w:sz w:val="24"/>
          <w:szCs w:val="24"/>
        </w:rPr>
        <w:t>The most difficult section of the project to implement was the</w:t>
      </w:r>
      <w:r w:rsidR="00592FE4">
        <w:rPr>
          <w:sz w:val="24"/>
          <w:szCs w:val="24"/>
        </w:rPr>
        <w:t xml:space="preserve"> neural network</w:t>
      </w:r>
      <w:r w:rsidR="00F25DC4">
        <w:rPr>
          <w:sz w:val="24"/>
          <w:szCs w:val="24"/>
        </w:rPr>
        <w:t xml:space="preserve"> aspect</w:t>
      </w:r>
      <w:r w:rsidR="00592FE4">
        <w:rPr>
          <w:sz w:val="24"/>
          <w:szCs w:val="24"/>
        </w:rPr>
        <w:t>.</w:t>
      </w:r>
      <w:r w:rsidR="00F25DC4">
        <w:rPr>
          <w:sz w:val="24"/>
          <w:szCs w:val="24"/>
        </w:rPr>
        <w:t xml:space="preserve"> TensorFlow is completely removed, in </w:t>
      </w:r>
      <w:r w:rsidR="00DD0D02">
        <w:rPr>
          <w:sz w:val="24"/>
          <w:szCs w:val="24"/>
        </w:rPr>
        <w:t>both concept and practicality, from anything I have encountered thus far</w:t>
      </w:r>
      <w:r w:rsidR="008F6E76">
        <w:rPr>
          <w:sz w:val="24"/>
          <w:szCs w:val="24"/>
        </w:rPr>
        <w:t xml:space="preserve">, and </w:t>
      </w:r>
      <w:r w:rsidR="00AF0FEB">
        <w:rPr>
          <w:sz w:val="24"/>
          <w:szCs w:val="24"/>
        </w:rPr>
        <w:t>consequentially</w:t>
      </w:r>
      <w:r w:rsidR="008F6E76">
        <w:rPr>
          <w:sz w:val="24"/>
          <w:szCs w:val="24"/>
        </w:rPr>
        <w:t xml:space="preserve"> took months of trial and error to </w:t>
      </w:r>
      <w:r w:rsidR="007520F1">
        <w:rPr>
          <w:sz w:val="24"/>
          <w:szCs w:val="24"/>
        </w:rPr>
        <w:t xml:space="preserve">result in any acceptable result. The </w:t>
      </w:r>
      <w:r w:rsidR="000D6053">
        <w:rPr>
          <w:sz w:val="24"/>
          <w:szCs w:val="24"/>
        </w:rPr>
        <w:t>Plutocrat’s neural network went through dozens of iterations before</w:t>
      </w:r>
      <w:r w:rsidR="004B6BB8">
        <w:rPr>
          <w:sz w:val="24"/>
          <w:szCs w:val="24"/>
        </w:rPr>
        <w:t xml:space="preserve"> resulting in the simple version that it now has.</w:t>
      </w:r>
      <w:r w:rsidR="008D3F49">
        <w:rPr>
          <w:sz w:val="24"/>
          <w:szCs w:val="24"/>
        </w:rPr>
        <w:t xml:space="preserve"> Even following</w:t>
      </w:r>
      <w:r w:rsidR="00C37CAD">
        <w:rPr>
          <w:sz w:val="24"/>
          <w:szCs w:val="24"/>
        </w:rPr>
        <w:t xml:space="preserve"> TensorFlow official</w:t>
      </w:r>
      <w:r w:rsidR="00D2236F">
        <w:rPr>
          <w:sz w:val="24"/>
          <w:szCs w:val="24"/>
        </w:rPr>
        <w:t xml:space="preserve"> </w:t>
      </w:r>
      <w:r w:rsidR="00097647">
        <w:rPr>
          <w:sz w:val="24"/>
          <w:szCs w:val="24"/>
        </w:rPr>
        <w:t>tutorials</w:t>
      </w:r>
      <w:r w:rsidR="00D2236F">
        <w:rPr>
          <w:sz w:val="24"/>
          <w:szCs w:val="24"/>
        </w:rPr>
        <w:t xml:space="preserve"> produced example neural networks that</w:t>
      </w:r>
      <w:r w:rsidR="00097647">
        <w:rPr>
          <w:sz w:val="24"/>
          <w:szCs w:val="24"/>
        </w:rPr>
        <w:t xml:space="preserve"> had little relevance </w:t>
      </w:r>
    </w:p>
    <w:p w14:paraId="52C3D929" w14:textId="77777777" w:rsidR="00814F39" w:rsidRPr="00814F39" w:rsidRDefault="00814F39" w:rsidP="008D60B9">
      <w:pPr>
        <w:pStyle w:val="Heading2"/>
      </w:pPr>
    </w:p>
    <w:p w14:paraId="48D23701" w14:textId="623A2333" w:rsidR="003B55C9" w:rsidRDefault="003B55C9" w:rsidP="003B55C9">
      <w:pPr>
        <w:pStyle w:val="Heading1"/>
      </w:pPr>
      <w:r>
        <w:t>The future of Plutocrat</w:t>
      </w:r>
    </w:p>
    <w:p w14:paraId="2E243248" w14:textId="7D3B1A92" w:rsidR="003B55C9" w:rsidRDefault="002F412D" w:rsidP="003B55C9">
      <w:pPr>
        <w:rPr>
          <w:sz w:val="24"/>
          <w:szCs w:val="24"/>
        </w:rPr>
      </w:pPr>
      <w:r>
        <w:rPr>
          <w:sz w:val="24"/>
          <w:szCs w:val="24"/>
        </w:rPr>
        <w:t xml:space="preserve">As </w:t>
      </w:r>
      <w:r w:rsidR="00110847">
        <w:rPr>
          <w:sz w:val="24"/>
          <w:szCs w:val="24"/>
        </w:rPr>
        <w:t>mentioned,</w:t>
      </w:r>
      <w:r>
        <w:rPr>
          <w:sz w:val="24"/>
          <w:szCs w:val="24"/>
        </w:rPr>
        <w:t xml:space="preserve"> many times throughout this documentation, let this project act as </w:t>
      </w:r>
      <w:r w:rsidR="00946ABF">
        <w:rPr>
          <w:sz w:val="24"/>
          <w:szCs w:val="24"/>
        </w:rPr>
        <w:t xml:space="preserve">proof of concept on a system that has not realised its full potential yet. There are many </w:t>
      </w:r>
      <w:r w:rsidR="00110847">
        <w:rPr>
          <w:sz w:val="24"/>
          <w:szCs w:val="24"/>
        </w:rPr>
        <w:t>new pieces of functionality that may be added to the system in the future</w:t>
      </w:r>
      <w:r w:rsidR="00684882">
        <w:rPr>
          <w:sz w:val="24"/>
          <w:szCs w:val="24"/>
        </w:rPr>
        <w:t>. Such as:</w:t>
      </w:r>
    </w:p>
    <w:p w14:paraId="5F77465A" w14:textId="11C075F1" w:rsidR="00684882" w:rsidRDefault="0019497D" w:rsidP="00684882">
      <w:pPr>
        <w:pStyle w:val="ListParagraph"/>
        <w:numPr>
          <w:ilvl w:val="0"/>
          <w:numId w:val="1"/>
        </w:numPr>
        <w:rPr>
          <w:sz w:val="24"/>
          <w:szCs w:val="24"/>
        </w:rPr>
      </w:pPr>
      <w:r>
        <w:rPr>
          <w:sz w:val="24"/>
          <w:szCs w:val="24"/>
        </w:rPr>
        <w:t>An ability for users to follow companies that they are most interested in, and receive not</w:t>
      </w:r>
      <w:r w:rsidR="00793530">
        <w:rPr>
          <w:sz w:val="24"/>
          <w:szCs w:val="24"/>
        </w:rPr>
        <w:t>ifications when Plutocrat predicts that there is going to be a substantial shift in that companies’ value</w:t>
      </w:r>
    </w:p>
    <w:p w14:paraId="5A3A1C5E" w14:textId="2D7308C2" w:rsidR="00793530" w:rsidRDefault="00793530" w:rsidP="00684882">
      <w:pPr>
        <w:pStyle w:val="ListParagraph"/>
        <w:numPr>
          <w:ilvl w:val="0"/>
          <w:numId w:val="1"/>
        </w:numPr>
        <w:rPr>
          <w:sz w:val="24"/>
          <w:szCs w:val="24"/>
        </w:rPr>
      </w:pPr>
      <w:r>
        <w:rPr>
          <w:sz w:val="24"/>
          <w:szCs w:val="24"/>
        </w:rPr>
        <w:t>The ability to trade stock within the system similar to</w:t>
      </w:r>
      <w:r w:rsidR="005F02B3">
        <w:rPr>
          <w:sz w:val="24"/>
          <w:szCs w:val="24"/>
        </w:rPr>
        <w:t xml:space="preserve"> Etoro, Robinhood, and other </w:t>
      </w:r>
      <w:r w:rsidR="00B77EED">
        <w:rPr>
          <w:sz w:val="24"/>
          <w:szCs w:val="24"/>
        </w:rPr>
        <w:t xml:space="preserve">services in this sector. With Plutocrats predictive elements </w:t>
      </w:r>
      <w:r w:rsidR="00325B1A">
        <w:rPr>
          <w:sz w:val="24"/>
          <w:szCs w:val="24"/>
        </w:rPr>
        <w:t>setting it apart from competition in a similar manner to how Etoro invites new investors with the ability to set their trades to automatically mimic more e</w:t>
      </w:r>
      <w:r w:rsidR="00814F39">
        <w:rPr>
          <w:sz w:val="24"/>
          <w:szCs w:val="24"/>
        </w:rPr>
        <w:t>xperienced traders.</w:t>
      </w:r>
    </w:p>
    <w:p w14:paraId="3123C6AE" w14:textId="0F1EB687" w:rsidR="009038E0" w:rsidRDefault="009038E0" w:rsidP="00684882">
      <w:pPr>
        <w:pStyle w:val="ListParagraph"/>
        <w:numPr>
          <w:ilvl w:val="0"/>
          <w:numId w:val="1"/>
        </w:numPr>
        <w:rPr>
          <w:sz w:val="24"/>
          <w:szCs w:val="24"/>
        </w:rPr>
      </w:pPr>
      <w:r>
        <w:rPr>
          <w:sz w:val="24"/>
          <w:szCs w:val="24"/>
        </w:rPr>
        <w:t xml:space="preserve">The </w:t>
      </w:r>
      <w:r w:rsidR="00DF7F97">
        <w:rPr>
          <w:sz w:val="24"/>
          <w:szCs w:val="24"/>
        </w:rPr>
        <w:t>refinement</w:t>
      </w:r>
      <w:r>
        <w:rPr>
          <w:sz w:val="24"/>
          <w:szCs w:val="24"/>
        </w:rPr>
        <w:t xml:space="preserve"> of Plutocrat’s underlaying neural network</w:t>
      </w:r>
      <w:r w:rsidR="00DF7F97">
        <w:rPr>
          <w:sz w:val="24"/>
          <w:szCs w:val="24"/>
        </w:rPr>
        <w:t>, not only to increase the accuracy of its predictions</w:t>
      </w:r>
      <w:r w:rsidR="00E075DA">
        <w:rPr>
          <w:sz w:val="24"/>
          <w:szCs w:val="24"/>
        </w:rPr>
        <w:t xml:space="preserve">, but also the scope of information that the system can provide. </w:t>
      </w:r>
      <w:r w:rsidR="005E4C40">
        <w:rPr>
          <w:sz w:val="24"/>
          <w:szCs w:val="24"/>
        </w:rPr>
        <w:t>Perhaps</w:t>
      </w:r>
      <w:r w:rsidR="00E075DA">
        <w:rPr>
          <w:sz w:val="24"/>
          <w:szCs w:val="24"/>
        </w:rPr>
        <w:t xml:space="preserve"> the system can be trained </w:t>
      </w:r>
      <w:r w:rsidR="00064F6B">
        <w:rPr>
          <w:sz w:val="24"/>
          <w:szCs w:val="24"/>
        </w:rPr>
        <w:t>to predict changes far further into the future</w:t>
      </w:r>
      <w:r w:rsidR="00132DE6">
        <w:rPr>
          <w:sz w:val="24"/>
          <w:szCs w:val="24"/>
        </w:rPr>
        <w:t>.</w:t>
      </w:r>
      <w:r w:rsidR="005D2CD2">
        <w:rPr>
          <w:sz w:val="24"/>
          <w:szCs w:val="24"/>
        </w:rPr>
        <w:t xml:space="preserve"> </w:t>
      </w:r>
      <w:r w:rsidR="00132DE6">
        <w:rPr>
          <w:sz w:val="24"/>
          <w:szCs w:val="24"/>
        </w:rPr>
        <w:t>It’s possible that the system</w:t>
      </w:r>
      <w:r w:rsidR="009E7030">
        <w:rPr>
          <w:sz w:val="24"/>
          <w:szCs w:val="24"/>
        </w:rPr>
        <w:t xml:space="preserve"> can be taught to</w:t>
      </w:r>
      <w:r w:rsidR="005D2CD2">
        <w:rPr>
          <w:sz w:val="24"/>
          <w:szCs w:val="24"/>
        </w:rPr>
        <w:t xml:space="preserve"> gain an understanding of companies as  a whole, </w:t>
      </w:r>
      <w:r w:rsidR="00132DE6">
        <w:rPr>
          <w:sz w:val="24"/>
          <w:szCs w:val="24"/>
        </w:rPr>
        <w:t>and base predictions off</w:t>
      </w:r>
      <w:r w:rsidR="009E7030">
        <w:rPr>
          <w:sz w:val="24"/>
          <w:szCs w:val="24"/>
        </w:rPr>
        <w:t xml:space="preserve"> of all elements that may effect their success, such as new of regulation changes</w:t>
      </w:r>
      <w:r w:rsidR="005E4C40">
        <w:rPr>
          <w:sz w:val="24"/>
          <w:szCs w:val="24"/>
        </w:rPr>
        <w:t>, or buying trends, or competitors actions, rather than just news that is directly related to the company itself.</w:t>
      </w:r>
    </w:p>
    <w:p w14:paraId="284D04A7" w14:textId="357F2641" w:rsidR="005E4C40" w:rsidRPr="005E4C40" w:rsidRDefault="005E4C40" w:rsidP="005E4C40">
      <w:pPr>
        <w:rPr>
          <w:sz w:val="24"/>
          <w:szCs w:val="24"/>
        </w:rPr>
      </w:pPr>
      <w:r>
        <w:rPr>
          <w:sz w:val="24"/>
          <w:szCs w:val="24"/>
        </w:rPr>
        <w:t>With more time, experience, and resources</w:t>
      </w:r>
      <w:r w:rsidR="00EF0393">
        <w:rPr>
          <w:sz w:val="24"/>
          <w:szCs w:val="24"/>
        </w:rPr>
        <w:t>, Plutocrat can be grown into a real asset</w:t>
      </w:r>
      <w:r w:rsidR="008D60B9">
        <w:rPr>
          <w:sz w:val="24"/>
          <w:szCs w:val="24"/>
        </w:rPr>
        <w:t>. One which can add valuable direction and guidance to traders at any level or experience.</w:t>
      </w:r>
    </w:p>
    <w:p w14:paraId="73D4E140" w14:textId="77777777" w:rsidR="003B55C9" w:rsidRPr="003B55C9" w:rsidRDefault="003B55C9" w:rsidP="00ED1DB9">
      <w:pPr>
        <w:rPr>
          <w:sz w:val="24"/>
          <w:szCs w:val="24"/>
        </w:rPr>
      </w:pPr>
    </w:p>
    <w:sectPr w:rsidR="003B55C9" w:rsidRPr="003B55C9">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498EC49" w14:textId="77777777" w:rsidR="00000CE2" w:rsidRDefault="00000CE2" w:rsidP="00000CE2">
      <w:pPr>
        <w:spacing w:after="0" w:line="240" w:lineRule="auto"/>
      </w:pPr>
      <w:r>
        <w:separator/>
      </w:r>
    </w:p>
  </w:endnote>
  <w:endnote w:type="continuationSeparator" w:id="0">
    <w:p w14:paraId="714081D4" w14:textId="77777777" w:rsidR="00000CE2" w:rsidRDefault="00000CE2" w:rsidP="00000CE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7A6E5C59" w14:textId="77777777" w:rsidR="00000CE2" w:rsidRDefault="00000CE2" w:rsidP="00000CE2">
      <w:pPr>
        <w:spacing w:after="0" w:line="240" w:lineRule="auto"/>
      </w:pPr>
      <w:r>
        <w:separator/>
      </w:r>
    </w:p>
  </w:footnote>
  <w:footnote w:type="continuationSeparator" w:id="0">
    <w:p w14:paraId="788C8D9A" w14:textId="77777777" w:rsidR="00000CE2" w:rsidRDefault="00000CE2" w:rsidP="00000CE2">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27A4793D"/>
    <w:multiLevelType w:val="hybridMultilevel"/>
    <w:tmpl w:val="E1226CBE"/>
    <w:lvl w:ilvl="0" w:tplc="18090001">
      <w:start w:val="1"/>
      <w:numFmt w:val="bullet"/>
      <w:lvlText w:val=""/>
      <w:lvlJc w:val="left"/>
      <w:pPr>
        <w:ind w:left="720" w:hanging="360"/>
      </w:pPr>
      <w:rPr>
        <w:rFonts w:ascii="Symbol" w:hAnsi="Symbol" w:hint="default"/>
      </w:rPr>
    </w:lvl>
    <w:lvl w:ilvl="1" w:tplc="18090003" w:tentative="1">
      <w:start w:val="1"/>
      <w:numFmt w:val="bullet"/>
      <w:lvlText w:val="o"/>
      <w:lvlJc w:val="left"/>
      <w:pPr>
        <w:ind w:left="1440" w:hanging="360"/>
      </w:pPr>
      <w:rPr>
        <w:rFonts w:ascii="Courier New" w:hAnsi="Courier New" w:cs="Courier New" w:hint="default"/>
      </w:rPr>
    </w:lvl>
    <w:lvl w:ilvl="2" w:tplc="18090005" w:tentative="1">
      <w:start w:val="1"/>
      <w:numFmt w:val="bullet"/>
      <w:lvlText w:val=""/>
      <w:lvlJc w:val="left"/>
      <w:pPr>
        <w:ind w:left="2160" w:hanging="360"/>
      </w:pPr>
      <w:rPr>
        <w:rFonts w:ascii="Wingdings" w:hAnsi="Wingdings" w:hint="default"/>
      </w:rPr>
    </w:lvl>
    <w:lvl w:ilvl="3" w:tplc="18090001" w:tentative="1">
      <w:start w:val="1"/>
      <w:numFmt w:val="bullet"/>
      <w:lvlText w:val=""/>
      <w:lvlJc w:val="left"/>
      <w:pPr>
        <w:ind w:left="2880" w:hanging="360"/>
      </w:pPr>
      <w:rPr>
        <w:rFonts w:ascii="Symbol" w:hAnsi="Symbol" w:hint="default"/>
      </w:rPr>
    </w:lvl>
    <w:lvl w:ilvl="4" w:tplc="18090003" w:tentative="1">
      <w:start w:val="1"/>
      <w:numFmt w:val="bullet"/>
      <w:lvlText w:val="o"/>
      <w:lvlJc w:val="left"/>
      <w:pPr>
        <w:ind w:left="3600" w:hanging="360"/>
      </w:pPr>
      <w:rPr>
        <w:rFonts w:ascii="Courier New" w:hAnsi="Courier New" w:cs="Courier New" w:hint="default"/>
      </w:rPr>
    </w:lvl>
    <w:lvl w:ilvl="5" w:tplc="18090005" w:tentative="1">
      <w:start w:val="1"/>
      <w:numFmt w:val="bullet"/>
      <w:lvlText w:val=""/>
      <w:lvlJc w:val="left"/>
      <w:pPr>
        <w:ind w:left="4320" w:hanging="360"/>
      </w:pPr>
      <w:rPr>
        <w:rFonts w:ascii="Wingdings" w:hAnsi="Wingdings" w:hint="default"/>
      </w:rPr>
    </w:lvl>
    <w:lvl w:ilvl="6" w:tplc="18090001" w:tentative="1">
      <w:start w:val="1"/>
      <w:numFmt w:val="bullet"/>
      <w:lvlText w:val=""/>
      <w:lvlJc w:val="left"/>
      <w:pPr>
        <w:ind w:left="5040" w:hanging="360"/>
      </w:pPr>
      <w:rPr>
        <w:rFonts w:ascii="Symbol" w:hAnsi="Symbol" w:hint="default"/>
      </w:rPr>
    </w:lvl>
    <w:lvl w:ilvl="7" w:tplc="18090003" w:tentative="1">
      <w:start w:val="1"/>
      <w:numFmt w:val="bullet"/>
      <w:lvlText w:val="o"/>
      <w:lvlJc w:val="left"/>
      <w:pPr>
        <w:ind w:left="5760" w:hanging="360"/>
      </w:pPr>
      <w:rPr>
        <w:rFonts w:ascii="Courier New" w:hAnsi="Courier New" w:cs="Courier New" w:hint="default"/>
      </w:rPr>
    </w:lvl>
    <w:lvl w:ilvl="8" w:tplc="18090005" w:tentative="1">
      <w:start w:val="1"/>
      <w:numFmt w:val="bullet"/>
      <w:lvlText w:val=""/>
      <w:lvlJc w:val="left"/>
      <w:pPr>
        <w:ind w:left="6480" w:hanging="360"/>
      </w:pPr>
      <w:rPr>
        <w:rFonts w:ascii="Wingdings" w:hAnsi="Wingdings" w:hint="default"/>
      </w:rPr>
    </w:lvl>
  </w:abstractNum>
  <w:num w:numId="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E5298C"/>
    <w:rsid w:val="00000CE2"/>
    <w:rsid w:val="00000F52"/>
    <w:rsid w:val="000027DB"/>
    <w:rsid w:val="00005905"/>
    <w:rsid w:val="00005B4F"/>
    <w:rsid w:val="000079E8"/>
    <w:rsid w:val="00011AFB"/>
    <w:rsid w:val="00012430"/>
    <w:rsid w:val="00012A22"/>
    <w:rsid w:val="000171A4"/>
    <w:rsid w:val="00022951"/>
    <w:rsid w:val="00023663"/>
    <w:rsid w:val="00025AEB"/>
    <w:rsid w:val="0003466A"/>
    <w:rsid w:val="0003468C"/>
    <w:rsid w:val="00035215"/>
    <w:rsid w:val="00040426"/>
    <w:rsid w:val="0004788F"/>
    <w:rsid w:val="00050737"/>
    <w:rsid w:val="00056064"/>
    <w:rsid w:val="00060DCC"/>
    <w:rsid w:val="00064F6B"/>
    <w:rsid w:val="0006502E"/>
    <w:rsid w:val="0006508F"/>
    <w:rsid w:val="000659B1"/>
    <w:rsid w:val="000675A9"/>
    <w:rsid w:val="00077CDD"/>
    <w:rsid w:val="00081965"/>
    <w:rsid w:val="000846F1"/>
    <w:rsid w:val="00084B60"/>
    <w:rsid w:val="00086AEA"/>
    <w:rsid w:val="000901B3"/>
    <w:rsid w:val="00091498"/>
    <w:rsid w:val="000974FA"/>
    <w:rsid w:val="00097647"/>
    <w:rsid w:val="000A20BB"/>
    <w:rsid w:val="000A22CF"/>
    <w:rsid w:val="000A259B"/>
    <w:rsid w:val="000A542C"/>
    <w:rsid w:val="000B1EB7"/>
    <w:rsid w:val="000B2090"/>
    <w:rsid w:val="000B2FD5"/>
    <w:rsid w:val="000B4B89"/>
    <w:rsid w:val="000B5914"/>
    <w:rsid w:val="000C400F"/>
    <w:rsid w:val="000C5448"/>
    <w:rsid w:val="000D0793"/>
    <w:rsid w:val="000D3ABE"/>
    <w:rsid w:val="000D3EBD"/>
    <w:rsid w:val="000D6053"/>
    <w:rsid w:val="000D7898"/>
    <w:rsid w:val="000E154D"/>
    <w:rsid w:val="000E51DB"/>
    <w:rsid w:val="000E7AF5"/>
    <w:rsid w:val="000F3FB6"/>
    <w:rsid w:val="00104D5A"/>
    <w:rsid w:val="00110847"/>
    <w:rsid w:val="00111615"/>
    <w:rsid w:val="0011588C"/>
    <w:rsid w:val="00125F9F"/>
    <w:rsid w:val="001301D5"/>
    <w:rsid w:val="001328C5"/>
    <w:rsid w:val="00132DE6"/>
    <w:rsid w:val="00137685"/>
    <w:rsid w:val="00147654"/>
    <w:rsid w:val="00147DE6"/>
    <w:rsid w:val="00152C0A"/>
    <w:rsid w:val="00153FA5"/>
    <w:rsid w:val="001548C7"/>
    <w:rsid w:val="001615A1"/>
    <w:rsid w:val="00161810"/>
    <w:rsid w:val="001620BA"/>
    <w:rsid w:val="00162534"/>
    <w:rsid w:val="00165691"/>
    <w:rsid w:val="00167A64"/>
    <w:rsid w:val="0017664C"/>
    <w:rsid w:val="0018194E"/>
    <w:rsid w:val="00183CEE"/>
    <w:rsid w:val="00187F62"/>
    <w:rsid w:val="0019497D"/>
    <w:rsid w:val="00195606"/>
    <w:rsid w:val="001A15CE"/>
    <w:rsid w:val="001A1C40"/>
    <w:rsid w:val="001A32A6"/>
    <w:rsid w:val="001B3288"/>
    <w:rsid w:val="001C051D"/>
    <w:rsid w:val="001C09E7"/>
    <w:rsid w:val="001C0DCB"/>
    <w:rsid w:val="001C2150"/>
    <w:rsid w:val="001C4B3C"/>
    <w:rsid w:val="001C5527"/>
    <w:rsid w:val="001D42F7"/>
    <w:rsid w:val="001D6530"/>
    <w:rsid w:val="001D6D1B"/>
    <w:rsid w:val="001E36A5"/>
    <w:rsid w:val="001E46E6"/>
    <w:rsid w:val="001E5172"/>
    <w:rsid w:val="001E590E"/>
    <w:rsid w:val="001F0A2C"/>
    <w:rsid w:val="001F3124"/>
    <w:rsid w:val="001F4A5A"/>
    <w:rsid w:val="001F67A4"/>
    <w:rsid w:val="00201DFC"/>
    <w:rsid w:val="0020637D"/>
    <w:rsid w:val="00210F25"/>
    <w:rsid w:val="00217F85"/>
    <w:rsid w:val="002211CD"/>
    <w:rsid w:val="00221295"/>
    <w:rsid w:val="00223CCF"/>
    <w:rsid w:val="002240AD"/>
    <w:rsid w:val="0022599A"/>
    <w:rsid w:val="00225DCC"/>
    <w:rsid w:val="00234876"/>
    <w:rsid w:val="00236A0C"/>
    <w:rsid w:val="00237579"/>
    <w:rsid w:val="00240D2C"/>
    <w:rsid w:val="0024152E"/>
    <w:rsid w:val="00241967"/>
    <w:rsid w:val="0024692F"/>
    <w:rsid w:val="00250991"/>
    <w:rsid w:val="002516DC"/>
    <w:rsid w:val="00253DD5"/>
    <w:rsid w:val="002548C7"/>
    <w:rsid w:val="00255BF8"/>
    <w:rsid w:val="002563DD"/>
    <w:rsid w:val="00257A2D"/>
    <w:rsid w:val="00260F4D"/>
    <w:rsid w:val="002641E7"/>
    <w:rsid w:val="002657FF"/>
    <w:rsid w:val="0027564D"/>
    <w:rsid w:val="00276E84"/>
    <w:rsid w:val="002807CF"/>
    <w:rsid w:val="00280843"/>
    <w:rsid w:val="00282A0C"/>
    <w:rsid w:val="00282F73"/>
    <w:rsid w:val="00283B32"/>
    <w:rsid w:val="00284950"/>
    <w:rsid w:val="0029523F"/>
    <w:rsid w:val="00295D85"/>
    <w:rsid w:val="00297C8B"/>
    <w:rsid w:val="002A02B1"/>
    <w:rsid w:val="002A56A6"/>
    <w:rsid w:val="002B0677"/>
    <w:rsid w:val="002B0C6D"/>
    <w:rsid w:val="002B5466"/>
    <w:rsid w:val="002B7C8D"/>
    <w:rsid w:val="002C2123"/>
    <w:rsid w:val="002C2525"/>
    <w:rsid w:val="002C47BD"/>
    <w:rsid w:val="002C53B0"/>
    <w:rsid w:val="002C5668"/>
    <w:rsid w:val="002C659F"/>
    <w:rsid w:val="002C6F69"/>
    <w:rsid w:val="002D0508"/>
    <w:rsid w:val="002D0D8E"/>
    <w:rsid w:val="002D7013"/>
    <w:rsid w:val="002D73D8"/>
    <w:rsid w:val="002E15D3"/>
    <w:rsid w:val="002E509A"/>
    <w:rsid w:val="002E701C"/>
    <w:rsid w:val="002E7FF2"/>
    <w:rsid w:val="002F090B"/>
    <w:rsid w:val="002F412D"/>
    <w:rsid w:val="002F4DE9"/>
    <w:rsid w:val="002F7767"/>
    <w:rsid w:val="002F7F90"/>
    <w:rsid w:val="00300B89"/>
    <w:rsid w:val="00303EF3"/>
    <w:rsid w:val="00304A58"/>
    <w:rsid w:val="00307E6F"/>
    <w:rsid w:val="0031355F"/>
    <w:rsid w:val="00314CFB"/>
    <w:rsid w:val="00315026"/>
    <w:rsid w:val="00316610"/>
    <w:rsid w:val="00317CE3"/>
    <w:rsid w:val="00324B62"/>
    <w:rsid w:val="0032526C"/>
    <w:rsid w:val="00325A6E"/>
    <w:rsid w:val="00325B1A"/>
    <w:rsid w:val="00325C5A"/>
    <w:rsid w:val="00327D82"/>
    <w:rsid w:val="003303D9"/>
    <w:rsid w:val="00331DE6"/>
    <w:rsid w:val="003345DC"/>
    <w:rsid w:val="00335153"/>
    <w:rsid w:val="003356B2"/>
    <w:rsid w:val="00337619"/>
    <w:rsid w:val="00340FEA"/>
    <w:rsid w:val="003457BD"/>
    <w:rsid w:val="003457CD"/>
    <w:rsid w:val="00347B45"/>
    <w:rsid w:val="00354CC9"/>
    <w:rsid w:val="00355E60"/>
    <w:rsid w:val="003566D1"/>
    <w:rsid w:val="00356D6A"/>
    <w:rsid w:val="00356F0D"/>
    <w:rsid w:val="003613F2"/>
    <w:rsid w:val="00361521"/>
    <w:rsid w:val="003626E9"/>
    <w:rsid w:val="00363027"/>
    <w:rsid w:val="00364F80"/>
    <w:rsid w:val="00366FC2"/>
    <w:rsid w:val="00370425"/>
    <w:rsid w:val="00372659"/>
    <w:rsid w:val="003777BA"/>
    <w:rsid w:val="00377B23"/>
    <w:rsid w:val="003819A4"/>
    <w:rsid w:val="0038445D"/>
    <w:rsid w:val="00384D0C"/>
    <w:rsid w:val="003866A0"/>
    <w:rsid w:val="0039165B"/>
    <w:rsid w:val="0039392C"/>
    <w:rsid w:val="0039779C"/>
    <w:rsid w:val="00397FF5"/>
    <w:rsid w:val="003A0623"/>
    <w:rsid w:val="003A1149"/>
    <w:rsid w:val="003A7C6C"/>
    <w:rsid w:val="003B200A"/>
    <w:rsid w:val="003B55C9"/>
    <w:rsid w:val="003C13B8"/>
    <w:rsid w:val="003C6BA5"/>
    <w:rsid w:val="003C7213"/>
    <w:rsid w:val="003D21C3"/>
    <w:rsid w:val="003D3E57"/>
    <w:rsid w:val="003D49DB"/>
    <w:rsid w:val="003D4B0A"/>
    <w:rsid w:val="003D50C7"/>
    <w:rsid w:val="003D5349"/>
    <w:rsid w:val="003D7F57"/>
    <w:rsid w:val="003E02CE"/>
    <w:rsid w:val="003E1F48"/>
    <w:rsid w:val="003E4816"/>
    <w:rsid w:val="003E75D4"/>
    <w:rsid w:val="003E7A78"/>
    <w:rsid w:val="003F7A0E"/>
    <w:rsid w:val="0041070B"/>
    <w:rsid w:val="00420D06"/>
    <w:rsid w:val="00420F03"/>
    <w:rsid w:val="00421454"/>
    <w:rsid w:val="00440FEB"/>
    <w:rsid w:val="00441F00"/>
    <w:rsid w:val="0044420A"/>
    <w:rsid w:val="00444283"/>
    <w:rsid w:val="00447CB4"/>
    <w:rsid w:val="00450CA3"/>
    <w:rsid w:val="00453BCA"/>
    <w:rsid w:val="00454258"/>
    <w:rsid w:val="004566A8"/>
    <w:rsid w:val="00456E29"/>
    <w:rsid w:val="00456E38"/>
    <w:rsid w:val="00467167"/>
    <w:rsid w:val="00470FF9"/>
    <w:rsid w:val="004733B0"/>
    <w:rsid w:val="004778D1"/>
    <w:rsid w:val="00480A56"/>
    <w:rsid w:val="00481866"/>
    <w:rsid w:val="0048410F"/>
    <w:rsid w:val="00485112"/>
    <w:rsid w:val="004854E2"/>
    <w:rsid w:val="004858B4"/>
    <w:rsid w:val="00485C1A"/>
    <w:rsid w:val="004864FE"/>
    <w:rsid w:val="00486B98"/>
    <w:rsid w:val="00491A00"/>
    <w:rsid w:val="00493066"/>
    <w:rsid w:val="00495938"/>
    <w:rsid w:val="004973A5"/>
    <w:rsid w:val="004A3B9E"/>
    <w:rsid w:val="004B032F"/>
    <w:rsid w:val="004B2A40"/>
    <w:rsid w:val="004B33A7"/>
    <w:rsid w:val="004B5B33"/>
    <w:rsid w:val="004B6BB8"/>
    <w:rsid w:val="004B6E21"/>
    <w:rsid w:val="004C2AC8"/>
    <w:rsid w:val="004D3552"/>
    <w:rsid w:val="004D70C2"/>
    <w:rsid w:val="004E4B26"/>
    <w:rsid w:val="004E6CFE"/>
    <w:rsid w:val="004F4FC3"/>
    <w:rsid w:val="00501660"/>
    <w:rsid w:val="00504E25"/>
    <w:rsid w:val="00506CFF"/>
    <w:rsid w:val="00506F53"/>
    <w:rsid w:val="00511EBB"/>
    <w:rsid w:val="005120C9"/>
    <w:rsid w:val="005164C3"/>
    <w:rsid w:val="00517270"/>
    <w:rsid w:val="005179CB"/>
    <w:rsid w:val="00521114"/>
    <w:rsid w:val="0052305D"/>
    <w:rsid w:val="00525A9F"/>
    <w:rsid w:val="00526116"/>
    <w:rsid w:val="0052664F"/>
    <w:rsid w:val="00527C4D"/>
    <w:rsid w:val="0053031B"/>
    <w:rsid w:val="005318B2"/>
    <w:rsid w:val="005319B3"/>
    <w:rsid w:val="00531EB9"/>
    <w:rsid w:val="005336F3"/>
    <w:rsid w:val="00542FC5"/>
    <w:rsid w:val="005438A4"/>
    <w:rsid w:val="0054431A"/>
    <w:rsid w:val="00544388"/>
    <w:rsid w:val="00560AD2"/>
    <w:rsid w:val="005610E4"/>
    <w:rsid w:val="00570FA3"/>
    <w:rsid w:val="005728BA"/>
    <w:rsid w:val="00573856"/>
    <w:rsid w:val="00574CD6"/>
    <w:rsid w:val="005755E4"/>
    <w:rsid w:val="00581071"/>
    <w:rsid w:val="0058253E"/>
    <w:rsid w:val="0058688C"/>
    <w:rsid w:val="005919A0"/>
    <w:rsid w:val="00592FE4"/>
    <w:rsid w:val="005A0C85"/>
    <w:rsid w:val="005A0F76"/>
    <w:rsid w:val="005A4162"/>
    <w:rsid w:val="005A6CD3"/>
    <w:rsid w:val="005A6DAA"/>
    <w:rsid w:val="005B5D56"/>
    <w:rsid w:val="005C24E9"/>
    <w:rsid w:val="005C3FF6"/>
    <w:rsid w:val="005C4E2B"/>
    <w:rsid w:val="005C6AF1"/>
    <w:rsid w:val="005D2CD2"/>
    <w:rsid w:val="005D49E5"/>
    <w:rsid w:val="005E17BB"/>
    <w:rsid w:val="005E279C"/>
    <w:rsid w:val="005E371E"/>
    <w:rsid w:val="005E4C40"/>
    <w:rsid w:val="005E5106"/>
    <w:rsid w:val="005F02B3"/>
    <w:rsid w:val="005F4409"/>
    <w:rsid w:val="005F6ECD"/>
    <w:rsid w:val="005F7511"/>
    <w:rsid w:val="005F7F12"/>
    <w:rsid w:val="00601786"/>
    <w:rsid w:val="00602923"/>
    <w:rsid w:val="00606A5A"/>
    <w:rsid w:val="0061171C"/>
    <w:rsid w:val="00611EF6"/>
    <w:rsid w:val="00612056"/>
    <w:rsid w:val="006151D9"/>
    <w:rsid w:val="006161A0"/>
    <w:rsid w:val="006162A3"/>
    <w:rsid w:val="00622A79"/>
    <w:rsid w:val="00622D0B"/>
    <w:rsid w:val="00631426"/>
    <w:rsid w:val="00631660"/>
    <w:rsid w:val="00640B38"/>
    <w:rsid w:val="00646A75"/>
    <w:rsid w:val="00647229"/>
    <w:rsid w:val="006534C9"/>
    <w:rsid w:val="00653A6A"/>
    <w:rsid w:val="00654A62"/>
    <w:rsid w:val="006560F7"/>
    <w:rsid w:val="00656F76"/>
    <w:rsid w:val="0065798C"/>
    <w:rsid w:val="00660053"/>
    <w:rsid w:val="006608FD"/>
    <w:rsid w:val="00663670"/>
    <w:rsid w:val="006725F3"/>
    <w:rsid w:val="0067426E"/>
    <w:rsid w:val="00675BD1"/>
    <w:rsid w:val="00676716"/>
    <w:rsid w:val="00676BE4"/>
    <w:rsid w:val="00680590"/>
    <w:rsid w:val="00684882"/>
    <w:rsid w:val="006856EF"/>
    <w:rsid w:val="006864E1"/>
    <w:rsid w:val="00687D23"/>
    <w:rsid w:val="00692A23"/>
    <w:rsid w:val="00694E4A"/>
    <w:rsid w:val="006967A5"/>
    <w:rsid w:val="00697F62"/>
    <w:rsid w:val="006A0115"/>
    <w:rsid w:val="006A0A3F"/>
    <w:rsid w:val="006A33D4"/>
    <w:rsid w:val="006B4DCF"/>
    <w:rsid w:val="006B74E8"/>
    <w:rsid w:val="006C2166"/>
    <w:rsid w:val="006C714A"/>
    <w:rsid w:val="006C789D"/>
    <w:rsid w:val="006D5566"/>
    <w:rsid w:val="006D665F"/>
    <w:rsid w:val="006D6884"/>
    <w:rsid w:val="006D737A"/>
    <w:rsid w:val="006E18C0"/>
    <w:rsid w:val="006E19CC"/>
    <w:rsid w:val="006E5185"/>
    <w:rsid w:val="006E7A4E"/>
    <w:rsid w:val="006F0040"/>
    <w:rsid w:val="006F0E43"/>
    <w:rsid w:val="006F7151"/>
    <w:rsid w:val="00701367"/>
    <w:rsid w:val="00704CEE"/>
    <w:rsid w:val="00707EE2"/>
    <w:rsid w:val="00711907"/>
    <w:rsid w:val="00712B39"/>
    <w:rsid w:val="00713329"/>
    <w:rsid w:val="00713796"/>
    <w:rsid w:val="007166CC"/>
    <w:rsid w:val="00716C30"/>
    <w:rsid w:val="00724164"/>
    <w:rsid w:val="00725FE7"/>
    <w:rsid w:val="007262FA"/>
    <w:rsid w:val="00727AF9"/>
    <w:rsid w:val="00730153"/>
    <w:rsid w:val="00730AFE"/>
    <w:rsid w:val="00733142"/>
    <w:rsid w:val="00733B33"/>
    <w:rsid w:val="00734000"/>
    <w:rsid w:val="00742685"/>
    <w:rsid w:val="00744B38"/>
    <w:rsid w:val="0074648D"/>
    <w:rsid w:val="00746B15"/>
    <w:rsid w:val="007520F1"/>
    <w:rsid w:val="007560D9"/>
    <w:rsid w:val="007615AE"/>
    <w:rsid w:val="00763797"/>
    <w:rsid w:val="00763A92"/>
    <w:rsid w:val="0076533B"/>
    <w:rsid w:val="00770E23"/>
    <w:rsid w:val="00770FBD"/>
    <w:rsid w:val="00772409"/>
    <w:rsid w:val="00773F19"/>
    <w:rsid w:val="00775760"/>
    <w:rsid w:val="00775F26"/>
    <w:rsid w:val="00781A9E"/>
    <w:rsid w:val="00781C16"/>
    <w:rsid w:val="00783813"/>
    <w:rsid w:val="00783FA8"/>
    <w:rsid w:val="0078510A"/>
    <w:rsid w:val="00793530"/>
    <w:rsid w:val="00795022"/>
    <w:rsid w:val="007A6243"/>
    <w:rsid w:val="007B4CFC"/>
    <w:rsid w:val="007B4E09"/>
    <w:rsid w:val="007B6CB5"/>
    <w:rsid w:val="007C3044"/>
    <w:rsid w:val="007C35F4"/>
    <w:rsid w:val="007C4DCC"/>
    <w:rsid w:val="007C6F91"/>
    <w:rsid w:val="007D16B7"/>
    <w:rsid w:val="007D3BF9"/>
    <w:rsid w:val="007D6D40"/>
    <w:rsid w:val="007E58EA"/>
    <w:rsid w:val="007E61C8"/>
    <w:rsid w:val="007F1B4A"/>
    <w:rsid w:val="007F1F86"/>
    <w:rsid w:val="007F280E"/>
    <w:rsid w:val="007F2FDB"/>
    <w:rsid w:val="0080683C"/>
    <w:rsid w:val="00807108"/>
    <w:rsid w:val="00810270"/>
    <w:rsid w:val="00812805"/>
    <w:rsid w:val="00814F39"/>
    <w:rsid w:val="008160EA"/>
    <w:rsid w:val="00821EF6"/>
    <w:rsid w:val="008252C9"/>
    <w:rsid w:val="00826392"/>
    <w:rsid w:val="00826F63"/>
    <w:rsid w:val="00827359"/>
    <w:rsid w:val="00827652"/>
    <w:rsid w:val="00831695"/>
    <w:rsid w:val="008327FF"/>
    <w:rsid w:val="00836728"/>
    <w:rsid w:val="0084100A"/>
    <w:rsid w:val="00842359"/>
    <w:rsid w:val="0084375E"/>
    <w:rsid w:val="00845229"/>
    <w:rsid w:val="00846277"/>
    <w:rsid w:val="00846E5A"/>
    <w:rsid w:val="00851CFD"/>
    <w:rsid w:val="00856B53"/>
    <w:rsid w:val="00860FAF"/>
    <w:rsid w:val="008620F0"/>
    <w:rsid w:val="00865AAD"/>
    <w:rsid w:val="00870C81"/>
    <w:rsid w:val="008740BA"/>
    <w:rsid w:val="008741DD"/>
    <w:rsid w:val="00874F55"/>
    <w:rsid w:val="008759B5"/>
    <w:rsid w:val="00883D2C"/>
    <w:rsid w:val="00886F54"/>
    <w:rsid w:val="008876BD"/>
    <w:rsid w:val="0089721B"/>
    <w:rsid w:val="00897520"/>
    <w:rsid w:val="008A1641"/>
    <w:rsid w:val="008A2B79"/>
    <w:rsid w:val="008A6138"/>
    <w:rsid w:val="008A6D8C"/>
    <w:rsid w:val="008A700C"/>
    <w:rsid w:val="008B11F1"/>
    <w:rsid w:val="008B143F"/>
    <w:rsid w:val="008B1EDE"/>
    <w:rsid w:val="008B20F5"/>
    <w:rsid w:val="008B28F7"/>
    <w:rsid w:val="008B36E2"/>
    <w:rsid w:val="008B3C82"/>
    <w:rsid w:val="008B71D3"/>
    <w:rsid w:val="008B770B"/>
    <w:rsid w:val="008C0642"/>
    <w:rsid w:val="008C2337"/>
    <w:rsid w:val="008C2C1A"/>
    <w:rsid w:val="008C674D"/>
    <w:rsid w:val="008C67BD"/>
    <w:rsid w:val="008D017D"/>
    <w:rsid w:val="008D1B3B"/>
    <w:rsid w:val="008D310D"/>
    <w:rsid w:val="008D3F49"/>
    <w:rsid w:val="008D60B9"/>
    <w:rsid w:val="008D7862"/>
    <w:rsid w:val="008E1892"/>
    <w:rsid w:val="008F34EA"/>
    <w:rsid w:val="008F4B65"/>
    <w:rsid w:val="008F6E76"/>
    <w:rsid w:val="009038E0"/>
    <w:rsid w:val="0090464E"/>
    <w:rsid w:val="00905A09"/>
    <w:rsid w:val="009060AC"/>
    <w:rsid w:val="00907468"/>
    <w:rsid w:val="009077FB"/>
    <w:rsid w:val="00914D0F"/>
    <w:rsid w:val="00917111"/>
    <w:rsid w:val="00920262"/>
    <w:rsid w:val="00920F15"/>
    <w:rsid w:val="00921B1C"/>
    <w:rsid w:val="009220E4"/>
    <w:rsid w:val="009242A5"/>
    <w:rsid w:val="00924A94"/>
    <w:rsid w:val="0093233D"/>
    <w:rsid w:val="009338A0"/>
    <w:rsid w:val="009406AB"/>
    <w:rsid w:val="00941298"/>
    <w:rsid w:val="00941EAE"/>
    <w:rsid w:val="009423E6"/>
    <w:rsid w:val="00942BED"/>
    <w:rsid w:val="00945841"/>
    <w:rsid w:val="00946ABF"/>
    <w:rsid w:val="009522C5"/>
    <w:rsid w:val="0095598F"/>
    <w:rsid w:val="00956115"/>
    <w:rsid w:val="00960B73"/>
    <w:rsid w:val="00960D52"/>
    <w:rsid w:val="00965D1E"/>
    <w:rsid w:val="00970368"/>
    <w:rsid w:val="009718E7"/>
    <w:rsid w:val="00972E8A"/>
    <w:rsid w:val="0097401C"/>
    <w:rsid w:val="009751DB"/>
    <w:rsid w:val="009779AC"/>
    <w:rsid w:val="00980A89"/>
    <w:rsid w:val="0098118E"/>
    <w:rsid w:val="00983375"/>
    <w:rsid w:val="00983C40"/>
    <w:rsid w:val="00984041"/>
    <w:rsid w:val="00986A1C"/>
    <w:rsid w:val="00987519"/>
    <w:rsid w:val="00996AD1"/>
    <w:rsid w:val="00997C26"/>
    <w:rsid w:val="00997F11"/>
    <w:rsid w:val="009A0C7D"/>
    <w:rsid w:val="009A62A7"/>
    <w:rsid w:val="009A6970"/>
    <w:rsid w:val="009C0178"/>
    <w:rsid w:val="009C20DE"/>
    <w:rsid w:val="009D236A"/>
    <w:rsid w:val="009D3783"/>
    <w:rsid w:val="009D42CF"/>
    <w:rsid w:val="009E04AB"/>
    <w:rsid w:val="009E0A8C"/>
    <w:rsid w:val="009E7030"/>
    <w:rsid w:val="009E7DCD"/>
    <w:rsid w:val="009F0736"/>
    <w:rsid w:val="009F1CFB"/>
    <w:rsid w:val="009F3C8D"/>
    <w:rsid w:val="009F4F1C"/>
    <w:rsid w:val="00A00F8B"/>
    <w:rsid w:val="00A0157B"/>
    <w:rsid w:val="00A020EF"/>
    <w:rsid w:val="00A02E96"/>
    <w:rsid w:val="00A05FB4"/>
    <w:rsid w:val="00A10D7D"/>
    <w:rsid w:val="00A118BE"/>
    <w:rsid w:val="00A11911"/>
    <w:rsid w:val="00A20ACE"/>
    <w:rsid w:val="00A20D76"/>
    <w:rsid w:val="00A215C6"/>
    <w:rsid w:val="00A22643"/>
    <w:rsid w:val="00A22F00"/>
    <w:rsid w:val="00A27F81"/>
    <w:rsid w:val="00A3217C"/>
    <w:rsid w:val="00A33DDD"/>
    <w:rsid w:val="00A34076"/>
    <w:rsid w:val="00A34F88"/>
    <w:rsid w:val="00A371ED"/>
    <w:rsid w:val="00A41F58"/>
    <w:rsid w:val="00A42EBA"/>
    <w:rsid w:val="00A50860"/>
    <w:rsid w:val="00A50B0E"/>
    <w:rsid w:val="00A53931"/>
    <w:rsid w:val="00A567D2"/>
    <w:rsid w:val="00A60346"/>
    <w:rsid w:val="00A60EE0"/>
    <w:rsid w:val="00A66685"/>
    <w:rsid w:val="00A705BA"/>
    <w:rsid w:val="00A72F8E"/>
    <w:rsid w:val="00A8093E"/>
    <w:rsid w:val="00A8102E"/>
    <w:rsid w:val="00A8139C"/>
    <w:rsid w:val="00A827F5"/>
    <w:rsid w:val="00A84B61"/>
    <w:rsid w:val="00A84BE5"/>
    <w:rsid w:val="00A914C2"/>
    <w:rsid w:val="00A9186A"/>
    <w:rsid w:val="00A91956"/>
    <w:rsid w:val="00A92157"/>
    <w:rsid w:val="00AA0AC4"/>
    <w:rsid w:val="00AA2BAB"/>
    <w:rsid w:val="00AA435C"/>
    <w:rsid w:val="00AB0A5E"/>
    <w:rsid w:val="00AB3E99"/>
    <w:rsid w:val="00AB409F"/>
    <w:rsid w:val="00AB6E43"/>
    <w:rsid w:val="00AB7237"/>
    <w:rsid w:val="00AB7F60"/>
    <w:rsid w:val="00AD19EB"/>
    <w:rsid w:val="00AD3835"/>
    <w:rsid w:val="00AD39F1"/>
    <w:rsid w:val="00AD3F94"/>
    <w:rsid w:val="00AD71EC"/>
    <w:rsid w:val="00AD730C"/>
    <w:rsid w:val="00AE3C32"/>
    <w:rsid w:val="00AE68F2"/>
    <w:rsid w:val="00AF0FC8"/>
    <w:rsid w:val="00AF0FEB"/>
    <w:rsid w:val="00AF2CA7"/>
    <w:rsid w:val="00AF2F5E"/>
    <w:rsid w:val="00AF5711"/>
    <w:rsid w:val="00B0436B"/>
    <w:rsid w:val="00B147CF"/>
    <w:rsid w:val="00B15046"/>
    <w:rsid w:val="00B22C6E"/>
    <w:rsid w:val="00B24079"/>
    <w:rsid w:val="00B24F38"/>
    <w:rsid w:val="00B325AB"/>
    <w:rsid w:val="00B3353F"/>
    <w:rsid w:val="00B349BD"/>
    <w:rsid w:val="00B40B75"/>
    <w:rsid w:val="00B44D9B"/>
    <w:rsid w:val="00B477A8"/>
    <w:rsid w:val="00B504A1"/>
    <w:rsid w:val="00B54FD8"/>
    <w:rsid w:val="00B6059E"/>
    <w:rsid w:val="00B640B1"/>
    <w:rsid w:val="00B64B8F"/>
    <w:rsid w:val="00B6505E"/>
    <w:rsid w:val="00B71512"/>
    <w:rsid w:val="00B7224B"/>
    <w:rsid w:val="00B76C35"/>
    <w:rsid w:val="00B76CBC"/>
    <w:rsid w:val="00B77EED"/>
    <w:rsid w:val="00B80BCC"/>
    <w:rsid w:val="00B861C1"/>
    <w:rsid w:val="00B91305"/>
    <w:rsid w:val="00B913AD"/>
    <w:rsid w:val="00B924FF"/>
    <w:rsid w:val="00B92A70"/>
    <w:rsid w:val="00B934DE"/>
    <w:rsid w:val="00B96195"/>
    <w:rsid w:val="00B963FD"/>
    <w:rsid w:val="00B96B05"/>
    <w:rsid w:val="00BA2DD4"/>
    <w:rsid w:val="00BA340A"/>
    <w:rsid w:val="00BA50F9"/>
    <w:rsid w:val="00BA7A49"/>
    <w:rsid w:val="00BB03C0"/>
    <w:rsid w:val="00BB3076"/>
    <w:rsid w:val="00BB55D3"/>
    <w:rsid w:val="00BC0183"/>
    <w:rsid w:val="00BC0A21"/>
    <w:rsid w:val="00BC242F"/>
    <w:rsid w:val="00BC5096"/>
    <w:rsid w:val="00BC5268"/>
    <w:rsid w:val="00BD0365"/>
    <w:rsid w:val="00BD50AC"/>
    <w:rsid w:val="00BD6022"/>
    <w:rsid w:val="00BE0745"/>
    <w:rsid w:val="00BE2BC0"/>
    <w:rsid w:val="00BE4846"/>
    <w:rsid w:val="00BE701E"/>
    <w:rsid w:val="00BE73CE"/>
    <w:rsid w:val="00BE76C1"/>
    <w:rsid w:val="00BE7D29"/>
    <w:rsid w:val="00BF14BF"/>
    <w:rsid w:val="00BF345B"/>
    <w:rsid w:val="00BF40DA"/>
    <w:rsid w:val="00BF43D1"/>
    <w:rsid w:val="00BF463E"/>
    <w:rsid w:val="00C078DF"/>
    <w:rsid w:val="00C10162"/>
    <w:rsid w:val="00C10ABC"/>
    <w:rsid w:val="00C11EE7"/>
    <w:rsid w:val="00C17E4A"/>
    <w:rsid w:val="00C24DFC"/>
    <w:rsid w:val="00C25D41"/>
    <w:rsid w:val="00C37CAD"/>
    <w:rsid w:val="00C40C08"/>
    <w:rsid w:val="00C41A67"/>
    <w:rsid w:val="00C42CE2"/>
    <w:rsid w:val="00C4648B"/>
    <w:rsid w:val="00C46A08"/>
    <w:rsid w:val="00C546A3"/>
    <w:rsid w:val="00C54D27"/>
    <w:rsid w:val="00C60078"/>
    <w:rsid w:val="00C759D4"/>
    <w:rsid w:val="00C76199"/>
    <w:rsid w:val="00C810E2"/>
    <w:rsid w:val="00C9248D"/>
    <w:rsid w:val="00C94310"/>
    <w:rsid w:val="00C96FF0"/>
    <w:rsid w:val="00C9772C"/>
    <w:rsid w:val="00CA0410"/>
    <w:rsid w:val="00CA05E9"/>
    <w:rsid w:val="00CA0A07"/>
    <w:rsid w:val="00CA1D55"/>
    <w:rsid w:val="00CA2A0B"/>
    <w:rsid w:val="00CC01AC"/>
    <w:rsid w:val="00CC176A"/>
    <w:rsid w:val="00CC4CE5"/>
    <w:rsid w:val="00CD0276"/>
    <w:rsid w:val="00CD4EB1"/>
    <w:rsid w:val="00CD4F4C"/>
    <w:rsid w:val="00CD7D66"/>
    <w:rsid w:val="00CF03A7"/>
    <w:rsid w:val="00CF334B"/>
    <w:rsid w:val="00CF4AD2"/>
    <w:rsid w:val="00CF63E7"/>
    <w:rsid w:val="00CF64FC"/>
    <w:rsid w:val="00D02436"/>
    <w:rsid w:val="00D02F51"/>
    <w:rsid w:val="00D03175"/>
    <w:rsid w:val="00D03D1E"/>
    <w:rsid w:val="00D10D94"/>
    <w:rsid w:val="00D138C4"/>
    <w:rsid w:val="00D14BA5"/>
    <w:rsid w:val="00D21724"/>
    <w:rsid w:val="00D2187F"/>
    <w:rsid w:val="00D2236F"/>
    <w:rsid w:val="00D236F5"/>
    <w:rsid w:val="00D24803"/>
    <w:rsid w:val="00D2507A"/>
    <w:rsid w:val="00D27CDA"/>
    <w:rsid w:val="00D27F30"/>
    <w:rsid w:val="00D326B9"/>
    <w:rsid w:val="00D34195"/>
    <w:rsid w:val="00D34A48"/>
    <w:rsid w:val="00D3722D"/>
    <w:rsid w:val="00D474F3"/>
    <w:rsid w:val="00D508C3"/>
    <w:rsid w:val="00D5289E"/>
    <w:rsid w:val="00D55B14"/>
    <w:rsid w:val="00D6653F"/>
    <w:rsid w:val="00D72D04"/>
    <w:rsid w:val="00D7564C"/>
    <w:rsid w:val="00D76F2F"/>
    <w:rsid w:val="00D77844"/>
    <w:rsid w:val="00D81924"/>
    <w:rsid w:val="00D83F9B"/>
    <w:rsid w:val="00D85175"/>
    <w:rsid w:val="00D95FDD"/>
    <w:rsid w:val="00DA0380"/>
    <w:rsid w:val="00DA1F5B"/>
    <w:rsid w:val="00DA2064"/>
    <w:rsid w:val="00DA2235"/>
    <w:rsid w:val="00DA4D88"/>
    <w:rsid w:val="00DA7B9E"/>
    <w:rsid w:val="00DB068E"/>
    <w:rsid w:val="00DB1D9E"/>
    <w:rsid w:val="00DB7FE3"/>
    <w:rsid w:val="00DC686A"/>
    <w:rsid w:val="00DC787C"/>
    <w:rsid w:val="00DC7918"/>
    <w:rsid w:val="00DD0D02"/>
    <w:rsid w:val="00DD2BFF"/>
    <w:rsid w:val="00DD32F3"/>
    <w:rsid w:val="00DD6AF3"/>
    <w:rsid w:val="00DD7397"/>
    <w:rsid w:val="00DE607F"/>
    <w:rsid w:val="00DE63D8"/>
    <w:rsid w:val="00DF03A3"/>
    <w:rsid w:val="00DF1E1C"/>
    <w:rsid w:val="00DF2536"/>
    <w:rsid w:val="00DF2F41"/>
    <w:rsid w:val="00DF3247"/>
    <w:rsid w:val="00DF527C"/>
    <w:rsid w:val="00DF7C6E"/>
    <w:rsid w:val="00DF7F97"/>
    <w:rsid w:val="00E01A4C"/>
    <w:rsid w:val="00E02583"/>
    <w:rsid w:val="00E03E2E"/>
    <w:rsid w:val="00E075DA"/>
    <w:rsid w:val="00E1234F"/>
    <w:rsid w:val="00E14B2C"/>
    <w:rsid w:val="00E16952"/>
    <w:rsid w:val="00E177F2"/>
    <w:rsid w:val="00E17AB3"/>
    <w:rsid w:val="00E17E92"/>
    <w:rsid w:val="00E237EB"/>
    <w:rsid w:val="00E265AE"/>
    <w:rsid w:val="00E26A6E"/>
    <w:rsid w:val="00E27BAE"/>
    <w:rsid w:val="00E301AC"/>
    <w:rsid w:val="00E306F6"/>
    <w:rsid w:val="00E30D83"/>
    <w:rsid w:val="00E32215"/>
    <w:rsid w:val="00E326D0"/>
    <w:rsid w:val="00E32C9A"/>
    <w:rsid w:val="00E33449"/>
    <w:rsid w:val="00E34B1F"/>
    <w:rsid w:val="00E363E2"/>
    <w:rsid w:val="00E43EE1"/>
    <w:rsid w:val="00E51217"/>
    <w:rsid w:val="00E5298C"/>
    <w:rsid w:val="00E53DEB"/>
    <w:rsid w:val="00E555CF"/>
    <w:rsid w:val="00E61544"/>
    <w:rsid w:val="00E62126"/>
    <w:rsid w:val="00E71C20"/>
    <w:rsid w:val="00E73131"/>
    <w:rsid w:val="00E7483D"/>
    <w:rsid w:val="00E778D7"/>
    <w:rsid w:val="00E8192B"/>
    <w:rsid w:val="00E81A41"/>
    <w:rsid w:val="00E828A9"/>
    <w:rsid w:val="00E85412"/>
    <w:rsid w:val="00E85C85"/>
    <w:rsid w:val="00E85D83"/>
    <w:rsid w:val="00E866D1"/>
    <w:rsid w:val="00E911C7"/>
    <w:rsid w:val="00E92FF2"/>
    <w:rsid w:val="00E938BD"/>
    <w:rsid w:val="00E95146"/>
    <w:rsid w:val="00EA10E0"/>
    <w:rsid w:val="00EA1F01"/>
    <w:rsid w:val="00EA3EB1"/>
    <w:rsid w:val="00EA561C"/>
    <w:rsid w:val="00EA56A6"/>
    <w:rsid w:val="00EB658E"/>
    <w:rsid w:val="00EC0D47"/>
    <w:rsid w:val="00EC1006"/>
    <w:rsid w:val="00EC2859"/>
    <w:rsid w:val="00EC3B89"/>
    <w:rsid w:val="00EC4AB2"/>
    <w:rsid w:val="00EC4B29"/>
    <w:rsid w:val="00EC5FCD"/>
    <w:rsid w:val="00ED0B71"/>
    <w:rsid w:val="00ED0C32"/>
    <w:rsid w:val="00ED1692"/>
    <w:rsid w:val="00ED1DB9"/>
    <w:rsid w:val="00ED2E53"/>
    <w:rsid w:val="00ED3E4F"/>
    <w:rsid w:val="00EE3554"/>
    <w:rsid w:val="00EE4A37"/>
    <w:rsid w:val="00EE586E"/>
    <w:rsid w:val="00EE6F6F"/>
    <w:rsid w:val="00EF0393"/>
    <w:rsid w:val="00EF4DF5"/>
    <w:rsid w:val="00EF5141"/>
    <w:rsid w:val="00F00B9C"/>
    <w:rsid w:val="00F01A40"/>
    <w:rsid w:val="00F04820"/>
    <w:rsid w:val="00F10690"/>
    <w:rsid w:val="00F21FD9"/>
    <w:rsid w:val="00F2202F"/>
    <w:rsid w:val="00F23CD7"/>
    <w:rsid w:val="00F247BD"/>
    <w:rsid w:val="00F25DC4"/>
    <w:rsid w:val="00F27597"/>
    <w:rsid w:val="00F27EEA"/>
    <w:rsid w:val="00F32E6A"/>
    <w:rsid w:val="00F37FCC"/>
    <w:rsid w:val="00F40524"/>
    <w:rsid w:val="00F42F6E"/>
    <w:rsid w:val="00F4468B"/>
    <w:rsid w:val="00F4599B"/>
    <w:rsid w:val="00F45E13"/>
    <w:rsid w:val="00F47494"/>
    <w:rsid w:val="00F52E92"/>
    <w:rsid w:val="00F53FFD"/>
    <w:rsid w:val="00F57553"/>
    <w:rsid w:val="00F64E02"/>
    <w:rsid w:val="00F660C7"/>
    <w:rsid w:val="00F713CE"/>
    <w:rsid w:val="00F71E03"/>
    <w:rsid w:val="00F739EF"/>
    <w:rsid w:val="00F739F1"/>
    <w:rsid w:val="00F7706A"/>
    <w:rsid w:val="00F8029F"/>
    <w:rsid w:val="00F81FA6"/>
    <w:rsid w:val="00F8437D"/>
    <w:rsid w:val="00F843C5"/>
    <w:rsid w:val="00F8483F"/>
    <w:rsid w:val="00F851FB"/>
    <w:rsid w:val="00F85B2F"/>
    <w:rsid w:val="00F8753B"/>
    <w:rsid w:val="00F8796A"/>
    <w:rsid w:val="00F87AB7"/>
    <w:rsid w:val="00F87DF6"/>
    <w:rsid w:val="00F92389"/>
    <w:rsid w:val="00F92C3B"/>
    <w:rsid w:val="00FA1A73"/>
    <w:rsid w:val="00FA1F6C"/>
    <w:rsid w:val="00FA5C2C"/>
    <w:rsid w:val="00FA7533"/>
    <w:rsid w:val="00FC0E4B"/>
    <w:rsid w:val="00FC0F9F"/>
    <w:rsid w:val="00FC48DC"/>
    <w:rsid w:val="00FC65A6"/>
    <w:rsid w:val="00FC6AE0"/>
    <w:rsid w:val="00FD41C6"/>
    <w:rsid w:val="00FD67CE"/>
    <w:rsid w:val="00FE2DA3"/>
    <w:rsid w:val="00FE7B98"/>
    <w:rsid w:val="00FF1B08"/>
    <w:rsid w:val="00FF1D50"/>
  </w:rsids>
  <m:mathPr>
    <m:mathFont m:val="Cambria Math"/>
    <m:brkBin m:val="before"/>
    <m:brkBinSub m:val="--"/>
    <m:smallFrac m:val="0"/>
    <m:dispDef/>
    <m:lMargin m:val="0"/>
    <m:rMargin m:val="0"/>
    <m:defJc m:val="centerGroup"/>
    <m:wrapIndent m:val="1440"/>
    <m:intLim m:val="subSup"/>
    <m:naryLim m:val="undOvr"/>
  </m:mathPr>
  <w:themeFontLang w:val="en-IE"/>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481EA72"/>
  <w15:chartTrackingRefBased/>
  <w15:docId w15:val="{BB5FF079-E55B-4979-8A35-F718E500A55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IE"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7D6D40"/>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next w:val="Normal"/>
    <w:link w:val="Heading2Char"/>
    <w:uiPriority w:val="9"/>
    <w:unhideWhenUsed/>
    <w:qFormat/>
    <w:rsid w:val="002C53B0"/>
    <w:pPr>
      <w:keepNext/>
      <w:keepLines/>
      <w:spacing w:before="40" w:after="0"/>
      <w:outlineLvl w:val="1"/>
    </w:pPr>
    <w:rPr>
      <w:rFonts w:asciiTheme="majorHAnsi" w:eastAsiaTheme="majorEastAsia" w:hAnsiTheme="majorHAnsi" w:cstheme="majorBidi"/>
      <w:color w:val="2F5496" w:themeColor="accent1" w:themeShade="BF"/>
      <w:sz w:val="26"/>
      <w:szCs w:val="26"/>
    </w:rPr>
  </w:style>
  <w:style w:type="paragraph" w:styleId="Heading4">
    <w:name w:val="heading 4"/>
    <w:basedOn w:val="Normal"/>
    <w:next w:val="Normal"/>
    <w:link w:val="Heading4Char"/>
    <w:uiPriority w:val="9"/>
    <w:unhideWhenUsed/>
    <w:qFormat/>
    <w:rsid w:val="00E911C7"/>
    <w:pPr>
      <w:keepNext/>
      <w:keepLines/>
      <w:spacing w:before="40" w:after="0"/>
      <w:outlineLvl w:val="3"/>
    </w:pPr>
    <w:rPr>
      <w:rFonts w:asciiTheme="majorHAnsi" w:eastAsiaTheme="majorEastAsia" w:hAnsiTheme="majorHAnsi" w:cstheme="majorBidi"/>
      <w:i/>
      <w:iCs/>
      <w:color w:val="2F5496"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7D6D40"/>
    <w:rPr>
      <w:rFonts w:asciiTheme="majorHAnsi" w:eastAsiaTheme="majorEastAsia" w:hAnsiTheme="majorHAnsi" w:cstheme="majorBidi"/>
      <w:color w:val="2F5496" w:themeColor="accent1" w:themeShade="BF"/>
      <w:sz w:val="32"/>
      <w:szCs w:val="32"/>
    </w:rPr>
  </w:style>
  <w:style w:type="character" w:customStyle="1" w:styleId="Heading2Char">
    <w:name w:val="Heading 2 Char"/>
    <w:basedOn w:val="DefaultParagraphFont"/>
    <w:link w:val="Heading2"/>
    <w:uiPriority w:val="9"/>
    <w:rsid w:val="002C53B0"/>
    <w:rPr>
      <w:rFonts w:asciiTheme="majorHAnsi" w:eastAsiaTheme="majorEastAsia" w:hAnsiTheme="majorHAnsi" w:cstheme="majorBidi"/>
      <w:color w:val="2F5496" w:themeColor="accent1" w:themeShade="BF"/>
      <w:sz w:val="26"/>
      <w:szCs w:val="26"/>
    </w:rPr>
  </w:style>
  <w:style w:type="table" w:styleId="TableGrid">
    <w:name w:val="Table Grid"/>
    <w:basedOn w:val="TableNormal"/>
    <w:uiPriority w:val="39"/>
    <w:rsid w:val="009F0736"/>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5E5106"/>
    <w:rPr>
      <w:color w:val="0563C1" w:themeColor="hyperlink"/>
      <w:u w:val="single"/>
    </w:rPr>
  </w:style>
  <w:style w:type="character" w:styleId="UnresolvedMention">
    <w:name w:val="Unresolved Mention"/>
    <w:basedOn w:val="DefaultParagraphFont"/>
    <w:uiPriority w:val="99"/>
    <w:semiHidden/>
    <w:unhideWhenUsed/>
    <w:rsid w:val="005E5106"/>
    <w:rPr>
      <w:color w:val="605E5C"/>
      <w:shd w:val="clear" w:color="auto" w:fill="E1DFDD"/>
    </w:rPr>
  </w:style>
  <w:style w:type="character" w:customStyle="1" w:styleId="Heading4Char">
    <w:name w:val="Heading 4 Char"/>
    <w:basedOn w:val="DefaultParagraphFont"/>
    <w:link w:val="Heading4"/>
    <w:uiPriority w:val="9"/>
    <w:rsid w:val="00E911C7"/>
    <w:rPr>
      <w:rFonts w:asciiTheme="majorHAnsi" w:eastAsiaTheme="majorEastAsia" w:hAnsiTheme="majorHAnsi" w:cstheme="majorBidi"/>
      <w:i/>
      <w:iCs/>
      <w:color w:val="2F5496" w:themeColor="accent1" w:themeShade="BF"/>
    </w:rPr>
  </w:style>
  <w:style w:type="paragraph" w:styleId="ListParagraph">
    <w:name w:val="List Paragraph"/>
    <w:basedOn w:val="Normal"/>
    <w:uiPriority w:val="34"/>
    <w:qFormat/>
    <w:rsid w:val="00684882"/>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842471883">
      <w:bodyDiv w:val="1"/>
      <w:marLeft w:val="0"/>
      <w:marRight w:val="0"/>
      <w:marTop w:val="0"/>
      <w:marBottom w:val="0"/>
      <w:divBdr>
        <w:top w:val="none" w:sz="0" w:space="0" w:color="auto"/>
        <w:left w:val="none" w:sz="0" w:space="0" w:color="auto"/>
        <w:bottom w:val="none" w:sz="0" w:space="0" w:color="auto"/>
        <w:right w:val="none" w:sz="0" w:space="0" w:color="auto"/>
      </w:divBdr>
      <w:divsChild>
        <w:div w:id="1532843939">
          <w:marLeft w:val="0"/>
          <w:marRight w:val="0"/>
          <w:marTop w:val="0"/>
          <w:marBottom w:val="0"/>
          <w:divBdr>
            <w:top w:val="none" w:sz="0" w:space="0" w:color="auto"/>
            <w:left w:val="none" w:sz="0" w:space="0" w:color="auto"/>
            <w:bottom w:val="none" w:sz="0" w:space="0" w:color="auto"/>
            <w:right w:val="none" w:sz="0" w:space="0" w:color="auto"/>
          </w:divBdr>
          <w:divsChild>
            <w:div w:id="182566279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707366787">
      <w:bodyDiv w:val="1"/>
      <w:marLeft w:val="0"/>
      <w:marRight w:val="0"/>
      <w:marTop w:val="0"/>
      <w:marBottom w:val="0"/>
      <w:divBdr>
        <w:top w:val="none" w:sz="0" w:space="0" w:color="auto"/>
        <w:left w:val="none" w:sz="0" w:space="0" w:color="auto"/>
        <w:bottom w:val="none" w:sz="0" w:space="0" w:color="auto"/>
        <w:right w:val="none" w:sz="0" w:space="0" w:color="auto"/>
      </w:divBdr>
      <w:divsChild>
        <w:div w:id="871381953">
          <w:marLeft w:val="0"/>
          <w:marRight w:val="0"/>
          <w:marTop w:val="0"/>
          <w:marBottom w:val="0"/>
          <w:divBdr>
            <w:top w:val="none" w:sz="0" w:space="0" w:color="auto"/>
            <w:left w:val="none" w:sz="0" w:space="0" w:color="auto"/>
            <w:bottom w:val="none" w:sz="0" w:space="0" w:color="auto"/>
            <w:right w:val="none" w:sz="0" w:space="0" w:color="auto"/>
          </w:divBdr>
          <w:divsChild>
            <w:div w:id="61591684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4.png"/><Relationship Id="rId18" Type="http://schemas.openxmlformats.org/officeDocument/2006/relationships/image" Target="media/image9.jpeg"/><Relationship Id="rId26" Type="http://schemas.openxmlformats.org/officeDocument/2006/relationships/image" Target="media/image17.png"/><Relationship Id="rId39" Type="http://schemas.openxmlformats.org/officeDocument/2006/relationships/theme" Target="theme/theme1.xml"/><Relationship Id="rId21" Type="http://schemas.openxmlformats.org/officeDocument/2006/relationships/image" Target="media/image12.png"/><Relationship Id="rId34" Type="http://schemas.openxmlformats.org/officeDocument/2006/relationships/image" Target="media/image25.png"/><Relationship Id="rId7" Type="http://schemas.openxmlformats.org/officeDocument/2006/relationships/webSettings" Target="webSettings.xml"/><Relationship Id="rId12" Type="http://schemas.openxmlformats.org/officeDocument/2006/relationships/image" Target="media/image3.png"/><Relationship Id="rId17" Type="http://schemas.openxmlformats.org/officeDocument/2006/relationships/image" Target="media/image8.jpeg"/><Relationship Id="rId25" Type="http://schemas.openxmlformats.org/officeDocument/2006/relationships/image" Target="media/image16.png"/><Relationship Id="rId33" Type="http://schemas.openxmlformats.org/officeDocument/2006/relationships/image" Target="media/image24.png"/><Relationship Id="rId38" Type="http://schemas.openxmlformats.org/officeDocument/2006/relationships/fontTable" Target="fontTable.xml"/><Relationship Id="rId2" Type="http://schemas.openxmlformats.org/officeDocument/2006/relationships/customXml" Target="../customXml/item2.xml"/><Relationship Id="rId16" Type="http://schemas.openxmlformats.org/officeDocument/2006/relationships/image" Target="media/image7.png"/><Relationship Id="rId20" Type="http://schemas.openxmlformats.org/officeDocument/2006/relationships/image" Target="media/image11.png"/><Relationship Id="rId29" Type="http://schemas.openxmlformats.org/officeDocument/2006/relationships/image" Target="media/image20.png"/><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image" Target="media/image2.png"/><Relationship Id="rId24" Type="http://schemas.openxmlformats.org/officeDocument/2006/relationships/image" Target="media/image15.png"/><Relationship Id="rId32" Type="http://schemas.openxmlformats.org/officeDocument/2006/relationships/image" Target="media/image23.png"/><Relationship Id="rId37" Type="http://schemas.openxmlformats.org/officeDocument/2006/relationships/image" Target="media/image28.png"/><Relationship Id="rId5" Type="http://schemas.openxmlformats.org/officeDocument/2006/relationships/styles" Target="styles.xml"/><Relationship Id="rId15" Type="http://schemas.openxmlformats.org/officeDocument/2006/relationships/image" Target="media/image6.png"/><Relationship Id="rId23" Type="http://schemas.openxmlformats.org/officeDocument/2006/relationships/image" Target="media/image14.png"/><Relationship Id="rId28" Type="http://schemas.openxmlformats.org/officeDocument/2006/relationships/image" Target="media/image19.png"/><Relationship Id="rId36" Type="http://schemas.openxmlformats.org/officeDocument/2006/relationships/image" Target="media/image27.png"/><Relationship Id="rId10" Type="http://schemas.openxmlformats.org/officeDocument/2006/relationships/image" Target="media/image1.png"/><Relationship Id="rId19" Type="http://schemas.openxmlformats.org/officeDocument/2006/relationships/image" Target="media/image10.jpeg"/><Relationship Id="rId31" Type="http://schemas.openxmlformats.org/officeDocument/2006/relationships/image" Target="media/image22.png"/><Relationship Id="rId4" Type="http://schemas.openxmlformats.org/officeDocument/2006/relationships/numbering" Target="numbering.xml"/><Relationship Id="rId9" Type="http://schemas.openxmlformats.org/officeDocument/2006/relationships/endnotes" Target="endnotes.xml"/><Relationship Id="rId14" Type="http://schemas.openxmlformats.org/officeDocument/2006/relationships/image" Target="media/image5.png"/><Relationship Id="rId22" Type="http://schemas.openxmlformats.org/officeDocument/2006/relationships/image" Target="media/image13.png"/><Relationship Id="rId27" Type="http://schemas.openxmlformats.org/officeDocument/2006/relationships/image" Target="media/image18.png"/><Relationship Id="rId30" Type="http://schemas.openxmlformats.org/officeDocument/2006/relationships/image" Target="media/image21.png"/><Relationship Id="rId35" Type="http://schemas.openxmlformats.org/officeDocument/2006/relationships/image" Target="media/image26.png"/><Relationship Id="rId8" Type="http://schemas.openxmlformats.org/officeDocument/2006/relationships/footnotes" Target="footnotes.xml"/><Relationship Id="rId3" Type="http://schemas.openxmlformats.org/officeDocument/2006/relationships/customXml" Target="../customXml/item3.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0A744E4ED24F654F997EFF800FD39ED5" ma:contentTypeVersion="9" ma:contentTypeDescription="Create a new document." ma:contentTypeScope="" ma:versionID="65e75a5e2746fef5363436764c2ea6f2">
  <xsd:schema xmlns:xsd="http://www.w3.org/2001/XMLSchema" xmlns:xs="http://www.w3.org/2001/XMLSchema" xmlns:p="http://schemas.microsoft.com/office/2006/metadata/properties" xmlns:ns3="356393b0-1dc0-4b19-b801-fbe25882da53" targetNamespace="http://schemas.microsoft.com/office/2006/metadata/properties" ma:root="true" ma:fieldsID="992838ae5a25db2d8875a86019228198" ns3:_="">
    <xsd:import namespace="356393b0-1dc0-4b19-b801-fbe25882da53"/>
    <xsd:element name="properties">
      <xsd:complexType>
        <xsd:sequence>
          <xsd:element name="documentManagement">
            <xsd:complexType>
              <xsd:all>
                <xsd:element ref="ns3:MediaServiceMetadata" minOccurs="0"/>
                <xsd:element ref="ns3:MediaServiceFastMetadata" minOccurs="0"/>
                <xsd:element ref="ns3:MediaServiceAutoTags" minOccurs="0"/>
                <xsd:element ref="ns3:MediaServiceOCR" minOccurs="0"/>
                <xsd:element ref="ns3:MediaServiceGenerationTime" minOccurs="0"/>
                <xsd:element ref="ns3:MediaServiceEventHashCode" minOccurs="0"/>
                <xsd:element ref="ns3:MediaServiceAutoKeyPoints" minOccurs="0"/>
                <xsd:element ref="ns3:MediaServiceKeyPoints" minOccurs="0"/>
                <xsd:element ref="ns3: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56393b0-1dc0-4b19-b801-fbe25882da53"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AutoKeyPoints" ma:index="14" nillable="true" ma:displayName="MediaServiceAutoKeyPoints" ma:hidden="true" ma:internalName="MediaServiceAutoKeyPoints" ma:readOnly="true">
      <xsd:simpleType>
        <xsd:restriction base="dms:Note"/>
      </xsd:simpleType>
    </xsd:element>
    <xsd:element name="MediaServiceKeyPoints" ma:index="15" nillable="true" ma:displayName="KeyPoints" ma:internalName="MediaServiceKeyPoints" ma:readOnly="true">
      <xsd:simpleType>
        <xsd:restriction base="dms:Note">
          <xsd:maxLength value="255"/>
        </xsd:restriction>
      </xsd:simpleType>
    </xsd:element>
    <xsd:element name="MediaServiceDateTaken" ma:index="16" nillable="true" ma:displayName="MediaServiceDateTaken" ma:hidden="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517C7066-80D3-4D1C-9974-00A03FAB1BB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56393b0-1dc0-4b19-b801-fbe25882da5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718D5D5D-FF72-41D2-B888-C8EC9CF33654}">
  <ds:schemaRefs>
    <ds:schemaRef ds:uri="http://schemas.microsoft.com/sharepoint/v3/contenttype/forms"/>
  </ds:schemaRefs>
</ds:datastoreItem>
</file>

<file path=customXml/itemProps3.xml><?xml version="1.0" encoding="utf-8"?>
<ds:datastoreItem xmlns:ds="http://schemas.openxmlformats.org/officeDocument/2006/customXml" ds:itemID="{ADD16126-25B2-4496-ABE0-AEBC3A75F2E3}">
  <ds:schemaRefs>
    <ds:schemaRef ds:uri="http://purl.org/dc/dcmitype/"/>
    <ds:schemaRef ds:uri="http://www.w3.org/XML/1998/namespace"/>
    <ds:schemaRef ds:uri="http://schemas.microsoft.com/office/2006/documentManagement/types"/>
    <ds:schemaRef ds:uri="http://schemas.microsoft.com/office/2006/metadata/properties"/>
    <ds:schemaRef ds:uri="http://purl.org/dc/elements/1.1/"/>
    <ds:schemaRef ds:uri="http://purl.org/dc/terms/"/>
    <ds:schemaRef ds:uri="http://schemas.microsoft.com/office/infopath/2007/PartnerControls"/>
    <ds:schemaRef ds:uri="http://schemas.openxmlformats.org/package/2006/metadata/core-properties"/>
    <ds:schemaRef ds:uri="356393b0-1dc0-4b19-b801-fbe25882da53"/>
  </ds:schemaRefs>
</ds:datastoreItem>
</file>

<file path=docProps/app.xml><?xml version="1.0" encoding="utf-8"?>
<Properties xmlns="http://schemas.openxmlformats.org/officeDocument/2006/extended-properties" xmlns:vt="http://schemas.openxmlformats.org/officeDocument/2006/docPropsVTypes">
  <Template>Normal.dotm</Template>
  <TotalTime>2</TotalTime>
  <Pages>28</Pages>
  <Words>5018</Words>
  <Characters>28607</Characters>
  <Application>Microsoft Office Word</Application>
  <DocSecurity>0</DocSecurity>
  <Lines>238</Lines>
  <Paragraphs>67</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335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yrne, Connor</dc:creator>
  <cp:keywords/>
  <dc:description/>
  <cp:lastModifiedBy>Byrne, Connor</cp:lastModifiedBy>
  <cp:revision>2</cp:revision>
  <dcterms:created xsi:type="dcterms:W3CDTF">2020-04-30T20:01:00Z</dcterms:created>
  <dcterms:modified xsi:type="dcterms:W3CDTF">2020-04-30T20:0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A744E4ED24F654F997EFF800FD39ED5</vt:lpwstr>
  </property>
</Properties>
</file>